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filterPrivacy="1" checkCompatibility="1"/>
  <xr:revisionPtr revIDLastSave="0" documentId="13_ncr:1_{7D8CDFE4-2EDE-4386-A765-4E629E7BEC9C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様式5" sheetId="31" r:id="rId1"/>
  </sheets>
  <externalReferences>
    <externalReference r:id="rId2"/>
    <externalReference r:id="rId3"/>
  </externalReferences>
  <definedNames>
    <definedName name="①1" localSheetId="0">#REF!</definedName>
    <definedName name="①1">#REF!</definedName>
    <definedName name="①2" localSheetId="0">#REF!</definedName>
    <definedName name="①2">#REF!</definedName>
    <definedName name="②1" localSheetId="0">#REF!</definedName>
    <definedName name="②1">#REF!</definedName>
    <definedName name="②2">#REF!</definedName>
    <definedName name="③1">#REF!</definedName>
    <definedName name="③2">#REF!</definedName>
    <definedName name="④1">#REF!</definedName>
    <definedName name="④2">#REF!</definedName>
    <definedName name="⑥1">#REF!</definedName>
    <definedName name="a">#REF!</definedName>
    <definedName name="b">#REF!</definedName>
    <definedName name="d">#REF!</definedName>
    <definedName name="_xlnm.Print_Area" localSheetId="0">様式5!$A$1:$K$24</definedName>
    <definedName name="rrr" localSheetId="0">'[1]様式16（見直しチェックシート）'!$U$53:$V$53</definedName>
    <definedName name="rrr">'[1]様式16（見直しチェックシート）'!$U$53:$V$53</definedName>
    <definedName name="分類">'[2]様式17(見直し一覧)'!$A$38:$A$4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11" i="31" l="1"/>
  <c r="H24" i="31"/>
  <c r="H20" i="31"/>
  <c r="H9" i="31"/>
  <c r="H8" i="31" s="1"/>
  <c r="H10" i="31"/>
  <c r="H14" i="31"/>
  <c r="H13" i="31" s="1"/>
  <c r="H12" i="31" s="1"/>
  <c r="H18" i="31"/>
  <c r="H17" i="31" s="1"/>
  <c r="H16" i="31" s="1"/>
  <c r="H21" i="31"/>
  <c r="H22" i="31"/>
  <c r="I23" i="31"/>
  <c r="G24" i="31" l="1"/>
  <c r="I19" i="31"/>
  <c r="I22" i="31" l="1"/>
  <c r="I18" i="31"/>
  <c r="I15" i="31"/>
  <c r="I14" i="31"/>
  <c r="I10" i="31"/>
  <c r="I8" i="31" l="1"/>
  <c r="I9" i="31"/>
  <c r="I20" i="31"/>
  <c r="I17" i="31"/>
  <c r="I12" i="31"/>
  <c r="I13" i="31"/>
  <c r="I21" i="31" l="1"/>
  <c r="I16" i="31"/>
  <c r="I24" i="31" s="1"/>
</calcChain>
</file>

<file path=xl/sharedStrings.xml><?xml version="1.0" encoding="utf-8"?>
<sst xmlns="http://schemas.openxmlformats.org/spreadsheetml/2006/main" count="45" uniqueCount="35">
  <si>
    <t>(単位：千円)</t>
    <phoneticPr fontId="2"/>
  </si>
  <si>
    <t>備  考</t>
    <phoneticPr fontId="2"/>
  </si>
  <si>
    <t>　　</t>
  </si>
  <si>
    <t>通し
番号</t>
    <rPh sb="0" eb="1">
      <t>トオ</t>
    </rPh>
    <rPh sb="3" eb="5">
      <t>バンゴウ</t>
    </rPh>
    <phoneticPr fontId="6"/>
  </si>
  <si>
    <t>科　　　　目</t>
    <rPh sb="0" eb="1">
      <t>カ</t>
    </rPh>
    <rPh sb="5" eb="6">
      <t>モク</t>
    </rPh>
    <phoneticPr fontId="2"/>
  </si>
  <si>
    <t>説　　　　明</t>
    <rPh sb="0" eb="1">
      <t>セツ</t>
    </rPh>
    <rPh sb="5" eb="6">
      <t>メイ</t>
    </rPh>
    <phoneticPr fontId="6"/>
  </si>
  <si>
    <t>増　　減</t>
    <rPh sb="0" eb="1">
      <t>ゾウ</t>
    </rPh>
    <rPh sb="3" eb="4">
      <t>ゲン</t>
    </rPh>
    <phoneticPr fontId="2"/>
  </si>
  <si>
    <t>（②-①）</t>
    <phoneticPr fontId="2"/>
  </si>
  <si>
    <t>1項　使用料</t>
    <rPh sb="1" eb="2">
      <t>コウ</t>
    </rPh>
    <rPh sb="3" eb="6">
      <t>シヨウリョウ</t>
    </rPh>
    <phoneticPr fontId="6"/>
  </si>
  <si>
    <t>1目　総務使用料</t>
    <rPh sb="1" eb="2">
      <t>モク</t>
    </rPh>
    <rPh sb="3" eb="5">
      <t>ソウム</t>
    </rPh>
    <rPh sb="5" eb="8">
      <t>シヨウリョウ</t>
    </rPh>
    <phoneticPr fontId="6"/>
  </si>
  <si>
    <t>6項　雑入</t>
    <rPh sb="1" eb="2">
      <t>コウ</t>
    </rPh>
    <rPh sb="3" eb="5">
      <t>ザツニュウ</t>
    </rPh>
    <phoneticPr fontId="6"/>
  </si>
  <si>
    <t>1節　雑収</t>
    <rPh sb="1" eb="2">
      <t>セツ</t>
    </rPh>
    <rPh sb="3" eb="4">
      <t>ザツ</t>
    </rPh>
    <rPh sb="4" eb="5">
      <t>シュウ</t>
    </rPh>
    <phoneticPr fontId="6"/>
  </si>
  <si>
    <t>一般会計歳入予算一覧</t>
    <rPh sb="0" eb="2">
      <t>イッパン</t>
    </rPh>
    <rPh sb="2" eb="4">
      <t>カイケイ</t>
    </rPh>
    <rPh sb="4" eb="6">
      <t>サイニュウ</t>
    </rPh>
    <rPh sb="8" eb="10">
      <t>イチラン</t>
    </rPh>
    <phoneticPr fontId="2"/>
  </si>
  <si>
    <t>2節　其他使用料</t>
    <rPh sb="1" eb="2">
      <t>セツ</t>
    </rPh>
    <rPh sb="3" eb="4">
      <t>ソ</t>
    </rPh>
    <rPh sb="4" eb="5">
      <t>タ</t>
    </rPh>
    <rPh sb="5" eb="8">
      <t>シヨウリョウ</t>
    </rPh>
    <phoneticPr fontId="6"/>
  </si>
  <si>
    <t>2項　国庫補助金</t>
    <rPh sb="1" eb="2">
      <t>コウ</t>
    </rPh>
    <rPh sb="3" eb="5">
      <t>コッコ</t>
    </rPh>
    <rPh sb="5" eb="8">
      <t>ホジョキン</t>
    </rPh>
    <phoneticPr fontId="6"/>
  </si>
  <si>
    <t>1目　総務費国庫補助金</t>
    <rPh sb="1" eb="2">
      <t>モク</t>
    </rPh>
    <rPh sb="3" eb="5">
      <t>ソウム</t>
    </rPh>
    <rPh sb="5" eb="6">
      <t>ヒ</t>
    </rPh>
    <rPh sb="6" eb="8">
      <t>コッコ</t>
    </rPh>
    <rPh sb="8" eb="11">
      <t>ホジョキン</t>
    </rPh>
    <phoneticPr fontId="6"/>
  </si>
  <si>
    <t>2節　危機管理対策費補助金</t>
    <rPh sb="1" eb="2">
      <t>セツ</t>
    </rPh>
    <rPh sb="3" eb="7">
      <t>キキカンリ</t>
    </rPh>
    <rPh sb="7" eb="10">
      <t>タイサクヒ</t>
    </rPh>
    <rPh sb="10" eb="13">
      <t>ホジョキン</t>
    </rPh>
    <phoneticPr fontId="6"/>
  </si>
  <si>
    <t>1項　市債</t>
    <rPh sb="1" eb="2">
      <t>コウ</t>
    </rPh>
    <rPh sb="3" eb="4">
      <t>シ</t>
    </rPh>
    <rPh sb="4" eb="5">
      <t>サイ</t>
    </rPh>
    <phoneticPr fontId="6"/>
  </si>
  <si>
    <t>1目　総務債</t>
    <rPh sb="1" eb="2">
      <t>モク</t>
    </rPh>
    <rPh sb="3" eb="6">
      <t>ソウムサイ</t>
    </rPh>
    <phoneticPr fontId="6"/>
  </si>
  <si>
    <t>市民生活推進事業に係る市債</t>
    <phoneticPr fontId="6"/>
  </si>
  <si>
    <t>広告収入、私用光熱水費に係る収入等</t>
    <phoneticPr fontId="6"/>
  </si>
  <si>
    <t>行政財産の目的外使用料</t>
    <phoneticPr fontId="6"/>
  </si>
  <si>
    <t>所属名　危機管理室</t>
    <rPh sb="0" eb="2">
      <t>ショゾク</t>
    </rPh>
    <rPh sb="2" eb="3">
      <t>メイ</t>
    </rPh>
    <rPh sb="4" eb="6">
      <t>キキ</t>
    </rPh>
    <rPh sb="6" eb="8">
      <t>カンリ</t>
    </rPh>
    <rPh sb="8" eb="9">
      <t>シツ</t>
    </rPh>
    <phoneticPr fontId="2"/>
  </si>
  <si>
    <t>当初①</t>
    <rPh sb="0" eb="2">
      <t>トウショ</t>
    </rPh>
    <phoneticPr fontId="17"/>
  </si>
  <si>
    <t>予算案②</t>
    <rPh sb="0" eb="3">
      <t>ヨサンアン</t>
    </rPh>
    <phoneticPr fontId="17"/>
  </si>
  <si>
    <t>歳入合計</t>
    <rPh sb="0" eb="2">
      <t>サイニュウ</t>
    </rPh>
    <rPh sb="2" eb="4">
      <t>ゴウケイ</t>
    </rPh>
    <phoneticPr fontId="6"/>
  </si>
  <si>
    <t>７年度</t>
    <rPh sb="1" eb="3">
      <t>ネンド</t>
    </rPh>
    <phoneticPr fontId="17"/>
  </si>
  <si>
    <t>2節　市民生活推進事業資金</t>
    <rPh sb="1" eb="2">
      <t>セツ</t>
    </rPh>
    <rPh sb="3" eb="5">
      <t>シミン</t>
    </rPh>
    <rPh sb="5" eb="7">
      <t>セイカツ</t>
    </rPh>
    <rPh sb="7" eb="9">
      <t>スイシン</t>
    </rPh>
    <rPh sb="9" eb="11">
      <t>ジギョウ</t>
    </rPh>
    <rPh sb="11" eb="13">
      <t>シキン</t>
    </rPh>
    <phoneticPr fontId="6"/>
  </si>
  <si>
    <t>８年度</t>
    <rPh sb="1" eb="3">
      <t>ネンド</t>
    </rPh>
    <phoneticPr fontId="17"/>
  </si>
  <si>
    <t>15款　使用料及手数料</t>
    <rPh sb="2" eb="3">
      <t>カン</t>
    </rPh>
    <rPh sb="4" eb="7">
      <t>シヨウリョウ</t>
    </rPh>
    <rPh sb="7" eb="8">
      <t>オヨ</t>
    </rPh>
    <rPh sb="8" eb="11">
      <t>テスウリョウ</t>
    </rPh>
    <phoneticPr fontId="6"/>
  </si>
  <si>
    <t>16款　国庫支出金</t>
    <rPh sb="2" eb="3">
      <t>カン</t>
    </rPh>
    <rPh sb="4" eb="6">
      <t>コッコ</t>
    </rPh>
    <rPh sb="6" eb="9">
      <t>シシュツキン</t>
    </rPh>
    <phoneticPr fontId="6"/>
  </si>
  <si>
    <t>23款　諸収入</t>
    <rPh sb="2" eb="3">
      <t>カン</t>
    </rPh>
    <rPh sb="4" eb="5">
      <t>ショ</t>
    </rPh>
    <rPh sb="5" eb="7">
      <t>シュウニュウ</t>
    </rPh>
    <phoneticPr fontId="6"/>
  </si>
  <si>
    <t>24款　市債</t>
    <rPh sb="2" eb="3">
      <t>カン</t>
    </rPh>
    <rPh sb="4" eb="6">
      <t>シサイ</t>
    </rPh>
    <phoneticPr fontId="6"/>
  </si>
  <si>
    <t>21目　雑収</t>
    <rPh sb="2" eb="3">
      <t>モク</t>
    </rPh>
    <rPh sb="4" eb="5">
      <t>ザツ</t>
    </rPh>
    <rPh sb="5" eb="6">
      <t>シュウ</t>
    </rPh>
    <phoneticPr fontId="6"/>
  </si>
  <si>
    <t>水害ハザードマップの作成・周知事業に対する補助金</t>
    <rPh sb="0" eb="2">
      <t>スイガイ</t>
    </rPh>
    <rPh sb="10" eb="12">
      <t>サクセイ</t>
    </rPh>
    <rPh sb="13" eb="15">
      <t>シュウチ</t>
    </rPh>
    <rPh sb="15" eb="17">
      <t>ジギョウ</t>
    </rPh>
    <rPh sb="18" eb="19">
      <t>タイ</t>
    </rPh>
    <rPh sb="21" eb="24">
      <t>ホジョキン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_ "/>
    <numFmt numFmtId="177" formatCode="#,##0;&quot;△ &quot;#,##0"/>
    <numFmt numFmtId="178" formatCode="#,##0.0;&quot;△ &quot;#,##0.0"/>
  </numFmts>
  <fonts count="19">
    <font>
      <sz val="11"/>
      <name val="ＭＳ Ｐゴシック"/>
      <family val="3"/>
      <charset val="128"/>
    </font>
    <font>
      <sz val="10.5"/>
      <name val="明朝体"/>
      <family val="3"/>
      <charset val="128"/>
    </font>
    <font>
      <sz val="6"/>
      <name val="明朝体"/>
      <family val="3"/>
      <charset val="128"/>
    </font>
    <font>
      <sz val="11"/>
      <name val="ＭＳ Ｐゴシック"/>
      <family val="3"/>
      <charset val="128"/>
    </font>
    <font>
      <sz val="10.5"/>
      <name val="ＭＳ Ｐゴシック"/>
      <family val="3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.5"/>
      <name val="ＭＳ ゴシック"/>
      <family val="3"/>
      <charset val="128"/>
    </font>
    <font>
      <sz val="10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0.5"/>
      <name val="ＭＳ ゴシック"/>
      <family val="3"/>
      <charset val="128"/>
    </font>
    <font>
      <sz val="9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0"/>
      <name val="ＭＳ ゴシック"/>
      <family val="3"/>
      <charset val="128"/>
    </font>
    <font>
      <u/>
      <sz val="12"/>
      <name val="ＭＳ ゴシック"/>
      <family val="3"/>
      <charset val="128"/>
    </font>
    <font>
      <u/>
      <sz val="10"/>
      <name val="ＭＳ Ｐゴシック"/>
      <family val="3"/>
      <charset val="128"/>
    </font>
    <font>
      <sz val="6"/>
      <name val="游ゴシック"/>
      <family val="3"/>
      <charset val="128"/>
      <scheme val="minor"/>
    </font>
    <font>
      <sz val="11"/>
      <name val="游ゴシック"/>
      <family val="3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">
    <xf numFmtId="0" fontId="0" fillId="0" borderId="0"/>
    <xf numFmtId="38" fontId="3" fillId="0" borderId="0" applyFont="0" applyFill="0" applyBorder="0" applyAlignment="0" applyProtection="0"/>
    <xf numFmtId="0" fontId="1" fillId="0" borderId="0"/>
    <xf numFmtId="0" fontId="3" fillId="0" borderId="0"/>
    <xf numFmtId="176" fontId="3" fillId="0" borderId="0">
      <alignment vertical="center"/>
    </xf>
  </cellStyleXfs>
  <cellXfs count="73">
    <xf numFmtId="0" fontId="0" fillId="0" borderId="0" xfId="0"/>
    <xf numFmtId="38" fontId="9" fillId="0" borderId="3" xfId="1" applyFont="1" applyFill="1" applyBorder="1" applyAlignment="1">
      <alignment horizontal="left" vertical="center" wrapText="1"/>
    </xf>
    <xf numFmtId="177" fontId="4" fillId="0" borderId="3" xfId="2" applyNumberFormat="1" applyFont="1" applyFill="1" applyBorder="1" applyAlignment="1">
      <alignment horizontal="right" vertical="center" shrinkToFit="1"/>
    </xf>
    <xf numFmtId="0" fontId="7" fillId="0" borderId="0" xfId="2" applyFont="1" applyFill="1" applyAlignment="1">
      <alignment vertical="center"/>
    </xf>
    <xf numFmtId="49" fontId="8" fillId="0" borderId="0" xfId="2" applyNumberFormat="1" applyFont="1" applyFill="1" applyAlignment="1">
      <alignment vertical="center" wrapText="1"/>
    </xf>
    <xf numFmtId="0" fontId="7" fillId="0" borderId="0" xfId="2" applyFont="1" applyFill="1" applyAlignment="1">
      <alignment vertical="center" wrapText="1"/>
    </xf>
    <xf numFmtId="0" fontId="7" fillId="0" borderId="0" xfId="2" applyFont="1" applyFill="1" applyAlignment="1">
      <alignment horizontal="center" vertical="center" wrapText="1"/>
    </xf>
    <xf numFmtId="177" fontId="8" fillId="0" borderId="0" xfId="2" applyNumberFormat="1" applyFont="1" applyFill="1" applyAlignment="1">
      <alignment horizontal="center" vertical="center"/>
    </xf>
    <xf numFmtId="177" fontId="8" fillId="0" borderId="0" xfId="2" applyNumberFormat="1" applyFont="1" applyFill="1" applyAlignment="1">
      <alignment horizontal="right" vertical="center"/>
    </xf>
    <xf numFmtId="0" fontId="8" fillId="0" borderId="0" xfId="2" applyFont="1" applyFill="1" applyAlignment="1">
      <alignment horizontal="center" vertical="center"/>
    </xf>
    <xf numFmtId="0" fontId="8" fillId="0" borderId="0" xfId="2" applyFont="1" applyFill="1" applyAlignment="1">
      <alignment vertical="center"/>
    </xf>
    <xf numFmtId="0" fontId="8" fillId="0" borderId="0" xfId="2" applyFont="1" applyFill="1" applyAlignment="1">
      <alignment horizontal="left" vertical="center"/>
    </xf>
    <xf numFmtId="0" fontId="10" fillId="0" borderId="0" xfId="2" applyFont="1" applyFill="1" applyAlignment="1">
      <alignment horizontal="center" vertical="center" wrapText="1"/>
    </xf>
    <xf numFmtId="0" fontId="8" fillId="0" borderId="0" xfId="2" applyFont="1" applyFill="1" applyAlignment="1">
      <alignment vertical="center" wrapText="1"/>
    </xf>
    <xf numFmtId="0" fontId="8" fillId="0" borderId="0" xfId="2" applyFont="1" applyFill="1" applyAlignment="1">
      <alignment horizontal="center" vertical="center" wrapText="1"/>
    </xf>
    <xf numFmtId="177" fontId="8" fillId="0" borderId="0" xfId="2" applyNumberFormat="1" applyFont="1" applyFill="1" applyAlignment="1">
      <alignment vertical="center"/>
    </xf>
    <xf numFmtId="0" fontId="9" fillId="0" borderId="0" xfId="2" applyFont="1" applyFill="1" applyAlignment="1">
      <alignment horizontal="left" vertical="center"/>
    </xf>
    <xf numFmtId="0" fontId="9" fillId="0" borderId="0" xfId="2" applyFont="1" applyFill="1" applyAlignment="1">
      <alignment vertical="center"/>
    </xf>
    <xf numFmtId="49" fontId="8" fillId="0" borderId="0" xfId="2" applyNumberFormat="1" applyFont="1" applyFill="1" applyAlignment="1">
      <alignment vertical="center"/>
    </xf>
    <xf numFmtId="177" fontId="11" fillId="0" borderId="0" xfId="2" applyNumberFormat="1" applyFont="1" applyFill="1" applyAlignment="1">
      <alignment horizontal="left" vertical="center"/>
    </xf>
    <xf numFmtId="0" fontId="16" fillId="0" borderId="0" xfId="2" applyFont="1" applyFill="1" applyAlignment="1">
      <alignment horizontal="right" vertical="center"/>
    </xf>
    <xf numFmtId="0" fontId="12" fillId="0" borderId="0" xfId="2" applyFont="1" applyFill="1" applyAlignment="1">
      <alignment horizontal="right" vertical="center" wrapText="1"/>
    </xf>
    <xf numFmtId="0" fontId="12" fillId="0" borderId="0" xfId="2" applyFont="1" applyFill="1" applyAlignment="1">
      <alignment horizontal="right" vertical="center"/>
    </xf>
    <xf numFmtId="0" fontId="9" fillId="0" borderId="0" xfId="2" applyFont="1" applyFill="1" applyAlignment="1">
      <alignment horizontal="right" vertical="center"/>
    </xf>
    <xf numFmtId="0" fontId="12" fillId="0" borderId="0" xfId="2" applyFont="1" applyFill="1" applyAlignment="1">
      <alignment horizontal="center" vertical="center"/>
    </xf>
    <xf numFmtId="0" fontId="13" fillId="0" borderId="0" xfId="2" applyFont="1" applyFill="1" applyAlignment="1">
      <alignment horizontal="center" vertical="center" wrapText="1"/>
    </xf>
    <xf numFmtId="177" fontId="13" fillId="0" borderId="0" xfId="2" applyNumberFormat="1" applyFont="1" applyFill="1" applyAlignment="1">
      <alignment horizontal="right" vertical="center" wrapText="1"/>
    </xf>
    <xf numFmtId="177" fontId="10" fillId="0" borderId="0" xfId="2" applyNumberFormat="1" applyFont="1" applyFill="1" applyAlignment="1">
      <alignment horizontal="right" vertical="center"/>
    </xf>
    <xf numFmtId="0" fontId="14" fillId="0" borderId="0" xfId="2" applyFont="1" applyFill="1" applyAlignment="1">
      <alignment horizontal="left" vertical="center"/>
    </xf>
    <xf numFmtId="0" fontId="14" fillId="0" borderId="0" xfId="2" applyFont="1" applyFill="1" applyAlignment="1">
      <alignment horizontal="right" vertical="center"/>
    </xf>
    <xf numFmtId="0" fontId="5" fillId="0" borderId="1" xfId="2" applyFont="1" applyFill="1" applyBorder="1" applyAlignment="1">
      <alignment horizontal="distributed" vertical="center" justifyLastLine="1"/>
    </xf>
    <xf numFmtId="177" fontId="8" fillId="0" borderId="2" xfId="2" applyNumberFormat="1" applyFont="1" applyFill="1" applyBorder="1" applyAlignment="1">
      <alignment horizontal="center" vertical="center"/>
    </xf>
    <xf numFmtId="0" fontId="5" fillId="0" borderId="8" xfId="2" applyFont="1" applyFill="1" applyBorder="1" applyAlignment="1">
      <alignment horizontal="distributed" vertical="center" justifyLastLine="1"/>
    </xf>
    <xf numFmtId="177" fontId="8" fillId="0" borderId="8" xfId="2" applyNumberFormat="1" applyFont="1" applyFill="1" applyBorder="1" applyAlignment="1">
      <alignment horizontal="center" vertical="center"/>
    </xf>
    <xf numFmtId="0" fontId="9" fillId="0" borderId="22" xfId="2" applyFont="1" applyFill="1" applyBorder="1" applyAlignment="1">
      <alignment horizontal="center" vertical="center"/>
    </xf>
    <xf numFmtId="177" fontId="4" fillId="0" borderId="6" xfId="2" applyNumberFormat="1" applyFont="1" applyFill="1" applyBorder="1" applyAlignment="1">
      <alignment horizontal="right" vertical="center" shrinkToFit="1"/>
    </xf>
    <xf numFmtId="0" fontId="7" fillId="0" borderId="6" xfId="2" applyFont="1" applyFill="1" applyBorder="1" applyAlignment="1">
      <alignment horizontal="left" vertical="center"/>
    </xf>
    <xf numFmtId="177" fontId="9" fillId="0" borderId="15" xfId="2" applyNumberFormat="1" applyFont="1" applyFill="1" applyBorder="1" applyAlignment="1">
      <alignment horizontal="right" vertical="center" shrinkToFit="1"/>
    </xf>
    <xf numFmtId="178" fontId="8" fillId="0" borderId="0" xfId="2" applyNumberFormat="1" applyFont="1" applyFill="1" applyAlignment="1">
      <alignment vertical="center"/>
    </xf>
    <xf numFmtId="49" fontId="9" fillId="0" borderId="9" xfId="2" applyNumberFormat="1" applyFont="1" applyFill="1" applyBorder="1" applyAlignment="1">
      <alignment horizontal="center" vertical="center" wrapText="1"/>
    </xf>
    <xf numFmtId="0" fontId="9" fillId="0" borderId="15" xfId="3" applyFont="1" applyFill="1" applyBorder="1" applyAlignment="1">
      <alignment vertical="center"/>
    </xf>
    <xf numFmtId="49" fontId="9" fillId="0" borderId="5" xfId="2" applyNumberFormat="1" applyFont="1" applyFill="1" applyBorder="1" applyAlignment="1">
      <alignment horizontal="center" vertical="center" wrapText="1"/>
    </xf>
    <xf numFmtId="49" fontId="9" fillId="0" borderId="4" xfId="2" applyNumberFormat="1" applyFont="1" applyFill="1" applyBorder="1" applyAlignment="1">
      <alignment horizontal="center" vertical="center" wrapText="1"/>
    </xf>
    <xf numFmtId="0" fontId="9" fillId="0" borderId="3" xfId="2" applyFont="1" applyFill="1" applyBorder="1" applyAlignment="1">
      <alignment horizontal="left" vertical="center" wrapText="1"/>
    </xf>
    <xf numFmtId="49" fontId="9" fillId="0" borderId="3" xfId="2" applyNumberFormat="1" applyFont="1" applyFill="1" applyBorder="1" applyAlignment="1">
      <alignment vertical="center" wrapText="1"/>
    </xf>
    <xf numFmtId="0" fontId="15" fillId="0" borderId="6" xfId="2" applyFont="1" applyFill="1" applyBorder="1" applyAlignment="1">
      <alignment horizontal="left" vertical="center"/>
    </xf>
    <xf numFmtId="49" fontId="9" fillId="0" borderId="7" xfId="2" applyNumberFormat="1" applyFont="1" applyFill="1" applyBorder="1" applyAlignment="1">
      <alignment vertical="center" wrapText="1"/>
    </xf>
    <xf numFmtId="177" fontId="4" fillId="0" borderId="12" xfId="2" applyNumberFormat="1" applyFont="1" applyFill="1" applyBorder="1" applyAlignment="1">
      <alignment horizontal="right" vertical="center" shrinkToFit="1"/>
    </xf>
    <xf numFmtId="0" fontId="7" fillId="0" borderId="13" xfId="2" applyFont="1" applyFill="1" applyBorder="1" applyAlignment="1">
      <alignment horizontal="left" vertical="center"/>
    </xf>
    <xf numFmtId="0" fontId="9" fillId="0" borderId="18" xfId="3" applyFont="1" applyFill="1" applyBorder="1" applyAlignment="1">
      <alignment vertical="center"/>
    </xf>
    <xf numFmtId="0" fontId="9" fillId="0" borderId="0" xfId="2" applyFont="1" applyFill="1" applyAlignment="1">
      <alignment horizontal="center" vertical="center" wrapText="1" shrinkToFit="1"/>
    </xf>
    <xf numFmtId="177" fontId="8" fillId="0" borderId="0" xfId="2" applyNumberFormat="1" applyFont="1" applyFill="1" applyAlignment="1">
      <alignment horizontal="left" vertical="center"/>
    </xf>
    <xf numFmtId="177" fontId="10" fillId="0" borderId="0" xfId="2" applyNumberFormat="1" applyFont="1" applyFill="1" applyAlignment="1">
      <alignment horizontal="center" vertical="center" wrapText="1"/>
    </xf>
    <xf numFmtId="0" fontId="18" fillId="0" borderId="0" xfId="0" applyFont="1"/>
    <xf numFmtId="177" fontId="8" fillId="0" borderId="0" xfId="2" applyNumberFormat="1" applyFont="1" applyFill="1" applyBorder="1" applyAlignment="1">
      <alignment horizontal="center" vertical="center"/>
    </xf>
    <xf numFmtId="177" fontId="12" fillId="0" borderId="0" xfId="2" applyNumberFormat="1" applyFont="1" applyFill="1" applyBorder="1" applyAlignment="1">
      <alignment horizontal="left" vertical="center" wrapText="1"/>
    </xf>
    <xf numFmtId="177" fontId="8" fillId="0" borderId="0" xfId="2" applyNumberFormat="1" applyFont="1" applyFill="1" applyBorder="1" applyAlignment="1">
      <alignment horizontal="center" vertical="center" shrinkToFit="1"/>
    </xf>
    <xf numFmtId="49" fontId="9" fillId="0" borderId="6" xfId="2" applyNumberFormat="1" applyFont="1" applyFill="1" applyBorder="1" applyAlignment="1">
      <alignment vertical="center" wrapText="1"/>
    </xf>
    <xf numFmtId="49" fontId="9" fillId="0" borderId="7" xfId="2" applyNumberFormat="1" applyFont="1" applyFill="1" applyBorder="1" applyAlignment="1">
      <alignment vertical="center" wrapText="1"/>
    </xf>
    <xf numFmtId="49" fontId="9" fillId="0" borderId="11" xfId="2" applyNumberFormat="1" applyFont="1" applyFill="1" applyBorder="1" applyAlignment="1">
      <alignment vertical="center" wrapText="1"/>
    </xf>
    <xf numFmtId="0" fontId="9" fillId="0" borderId="17" xfId="2" applyFont="1" applyFill="1" applyBorder="1" applyAlignment="1">
      <alignment horizontal="center" vertical="center"/>
    </xf>
    <xf numFmtId="0" fontId="9" fillId="0" borderId="14" xfId="2" applyFont="1" applyFill="1" applyBorder="1" applyAlignment="1">
      <alignment horizontal="center" vertical="center"/>
    </xf>
    <xf numFmtId="0" fontId="10" fillId="0" borderId="0" xfId="2" applyFont="1" applyFill="1" applyAlignment="1">
      <alignment horizontal="right" vertical="center"/>
    </xf>
    <xf numFmtId="49" fontId="9" fillId="0" borderId="19" xfId="2" applyNumberFormat="1" applyFont="1" applyFill="1" applyBorder="1" applyAlignment="1">
      <alignment horizontal="center" vertical="center" wrapText="1"/>
    </xf>
    <xf numFmtId="49" fontId="9" fillId="0" borderId="16" xfId="2" applyNumberFormat="1" applyFont="1" applyFill="1" applyBorder="1" applyAlignment="1">
      <alignment horizontal="center" vertical="center" wrapText="1"/>
    </xf>
    <xf numFmtId="49" fontId="9" fillId="0" borderId="10" xfId="2" applyNumberFormat="1" applyFont="1" applyFill="1" applyBorder="1" applyAlignment="1">
      <alignment horizontal="center" vertical="center" wrapText="1"/>
    </xf>
    <xf numFmtId="49" fontId="9" fillId="0" borderId="3" xfId="2" applyNumberFormat="1" applyFont="1" applyFill="1" applyBorder="1" applyAlignment="1">
      <alignment horizontal="center" vertical="center" wrapText="1"/>
    </xf>
    <xf numFmtId="0" fontId="9" fillId="0" borderId="10" xfId="2" applyFont="1" applyFill="1" applyBorder="1" applyAlignment="1">
      <alignment horizontal="center" vertical="center" wrapText="1"/>
    </xf>
    <xf numFmtId="0" fontId="9" fillId="0" borderId="3" xfId="2" applyFont="1" applyFill="1" applyBorder="1" applyAlignment="1">
      <alignment horizontal="center" vertical="center" wrapText="1"/>
    </xf>
    <xf numFmtId="0" fontId="9" fillId="0" borderId="10" xfId="2" applyFont="1" applyFill="1" applyBorder="1" applyAlignment="1">
      <alignment horizontal="center" vertical="center"/>
    </xf>
    <xf numFmtId="0" fontId="9" fillId="0" borderId="20" xfId="2" applyFont="1" applyFill="1" applyBorder="1" applyAlignment="1">
      <alignment horizontal="center" vertical="center"/>
    </xf>
    <xf numFmtId="0" fontId="9" fillId="0" borderId="3" xfId="2" applyFont="1" applyFill="1" applyBorder="1" applyAlignment="1">
      <alignment horizontal="center" vertical="center"/>
    </xf>
    <xf numFmtId="0" fontId="9" fillId="0" borderId="21" xfId="2" applyFont="1" applyFill="1" applyBorder="1" applyAlignment="1">
      <alignment horizontal="center" vertical="center"/>
    </xf>
  </cellXfs>
  <cellStyles count="5">
    <cellStyle name="桁区切り 2" xfId="1" xr:uid="{00000000-0005-0000-0000-000000000000}"/>
    <cellStyle name="標準" xfId="0" builtinId="0"/>
    <cellStyle name="標準 2" xfId="3" xr:uid="{00000000-0005-0000-0000-000002000000}"/>
    <cellStyle name="標準 3" xfId="4" xr:uid="{00000000-0005-0000-0000-000003000000}"/>
    <cellStyle name="標準_③予算事業別調書(目次様式)" xfId="2" xr:uid="{00000000-0005-0000-0000-000005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IF102C\OA-da0001$\&#12518;&#12540;&#12470;&#20316;&#26989;&#29992;&#12501;&#12457;&#12523;&#12480;\da0001&#65288;&#36001;&#21209;&#65319;&#65289;\01_&#20104;&#31639;&#12398;&#12362;&#12375;&#12372;&#12392;\03_&#32113;&#25324;&#25285;&#24403;\R2&#24180;&#24230;&#12398;&#12362;&#20181;&#20107;\R3&#20104;&#31639;\07&#20104;&#31639;&#32232;&#25104;&#36890;&#30693;\&#27096;&#24335;\&#21508;&#25285;&#24403;&#12363;&#12425;\&#12481;&#12455;&#12483;&#12463;&#12471;&#12540;&#12488;&#9733;0903&#20107;&#21209;&#23616;&#25552;&#20986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da0001$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15～17(提出依頼)"/>
      <sheetName val="様式15(見直し一覧)"/>
      <sheetName val="様式16（見直しチェックシート）"/>
      <sheetName val="チェックシート記載要領"/>
      <sheetName val="見直しポイント"/>
      <sheetName val="様式17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</sheetData>
      <sheetData sheetId="2">
        <row r="53">
          <cell r="U53" t="str">
            <v>□</v>
          </cell>
          <cell r="V53" t="str">
            <v>■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0CE1045-FCC0-434E-B0C1-2A7365677BDA}">
  <dimension ref="A1:AD63"/>
  <sheetViews>
    <sheetView tabSelected="1" view="pageBreakPreview" zoomScale="80" zoomScaleNormal="70" zoomScaleSheetLayoutView="80" workbookViewId="0">
      <selection activeCell="P23" sqref="P23"/>
    </sheetView>
  </sheetViews>
  <sheetFormatPr defaultColWidth="8.6640625" defaultRowHeight="13.2" outlineLevelCol="1"/>
  <cols>
    <col min="1" max="1" width="4.6640625" style="18" customWidth="1"/>
    <col min="2" max="4" width="1.21875" style="4" customWidth="1"/>
    <col min="5" max="5" width="25" style="4" customWidth="1"/>
    <col min="6" max="6" width="31.33203125" style="14" customWidth="1"/>
    <col min="7" max="8" width="11.88671875" style="7" customWidth="1"/>
    <col min="9" max="9" width="11.88671875" style="15" customWidth="1"/>
    <col min="10" max="10" width="6.33203125" style="16" customWidth="1"/>
    <col min="11" max="11" width="6.33203125" style="17" customWidth="1"/>
    <col min="12" max="12" width="3.88671875" style="9" customWidth="1" outlineLevel="1"/>
    <col min="13" max="13" width="4" style="9" customWidth="1" outlineLevel="1"/>
    <col min="14" max="14" width="3.88671875" style="9" customWidth="1" outlineLevel="1"/>
    <col min="15" max="15" width="3.21875" style="9" customWidth="1" outlineLevel="1"/>
    <col min="16" max="16" width="5" style="9" bestFit="1" customWidth="1" outlineLevel="1"/>
    <col min="17" max="18" width="8.6640625" style="10" hidden="1" customWidth="1"/>
    <col min="19" max="19" width="23.88671875" style="10" bestFit="1" customWidth="1"/>
    <col min="20" max="20" width="16.109375" style="11" bestFit="1" customWidth="1"/>
    <col min="21" max="21" width="8.6640625" style="10" customWidth="1"/>
    <col min="22" max="22" width="24.6640625" style="10" customWidth="1"/>
    <col min="23" max="23" width="65.109375" style="10" customWidth="1"/>
    <col min="24" max="25" width="8.6640625" style="10" customWidth="1"/>
    <col min="26" max="26" width="8.6640625" style="12" customWidth="1"/>
    <col min="27" max="197" width="8.6640625" style="10" customWidth="1"/>
    <col min="198" max="255" width="8.6640625" style="10"/>
    <col min="256" max="256" width="4.6640625" style="10" customWidth="1"/>
    <col min="257" max="259" width="1.21875" style="10" customWidth="1"/>
    <col min="260" max="260" width="25" style="10" customWidth="1"/>
    <col min="261" max="261" width="31.33203125" style="10" customWidth="1"/>
    <col min="262" max="262" width="15" style="10" bestFit="1" customWidth="1"/>
    <col min="263" max="265" width="11.88671875" style="10" customWidth="1"/>
    <col min="266" max="267" width="6.33203125" style="10" customWidth="1"/>
    <col min="268" max="268" width="3.88671875" style="10" customWidth="1"/>
    <col min="269" max="269" width="4" style="10" customWidth="1"/>
    <col min="270" max="270" width="3.88671875" style="10" customWidth="1"/>
    <col min="271" max="271" width="3.21875" style="10" customWidth="1"/>
    <col min="272" max="272" width="5" style="10" bestFit="1" customWidth="1"/>
    <col min="273" max="274" width="0" style="10" hidden="1" customWidth="1"/>
    <col min="275" max="275" width="23.88671875" style="10" bestFit="1" customWidth="1"/>
    <col min="276" max="276" width="16.109375" style="10" bestFit="1" customWidth="1"/>
    <col min="277" max="277" width="8.6640625" style="10" customWidth="1"/>
    <col min="278" max="278" width="24.6640625" style="10" customWidth="1"/>
    <col min="279" max="279" width="65.109375" style="10" customWidth="1"/>
    <col min="280" max="453" width="8.6640625" style="10" customWidth="1"/>
    <col min="454" max="511" width="8.6640625" style="10"/>
    <col min="512" max="512" width="4.6640625" style="10" customWidth="1"/>
    <col min="513" max="515" width="1.21875" style="10" customWidth="1"/>
    <col min="516" max="516" width="25" style="10" customWidth="1"/>
    <col min="517" max="517" width="31.33203125" style="10" customWidth="1"/>
    <col min="518" max="518" width="15" style="10" bestFit="1" customWidth="1"/>
    <col min="519" max="521" width="11.88671875" style="10" customWidth="1"/>
    <col min="522" max="523" width="6.33203125" style="10" customWidth="1"/>
    <col min="524" max="524" width="3.88671875" style="10" customWidth="1"/>
    <col min="525" max="525" width="4" style="10" customWidth="1"/>
    <col min="526" max="526" width="3.88671875" style="10" customWidth="1"/>
    <col min="527" max="527" width="3.21875" style="10" customWidth="1"/>
    <col min="528" max="528" width="5" style="10" bestFit="1" customWidth="1"/>
    <col min="529" max="530" width="0" style="10" hidden="1" customWidth="1"/>
    <col min="531" max="531" width="23.88671875" style="10" bestFit="1" customWidth="1"/>
    <col min="532" max="532" width="16.109375" style="10" bestFit="1" customWidth="1"/>
    <col min="533" max="533" width="8.6640625" style="10" customWidth="1"/>
    <col min="534" max="534" width="24.6640625" style="10" customWidth="1"/>
    <col min="535" max="535" width="65.109375" style="10" customWidth="1"/>
    <col min="536" max="709" width="8.6640625" style="10" customWidth="1"/>
    <col min="710" max="767" width="8.6640625" style="10"/>
    <col min="768" max="768" width="4.6640625" style="10" customWidth="1"/>
    <col min="769" max="771" width="1.21875" style="10" customWidth="1"/>
    <col min="772" max="772" width="25" style="10" customWidth="1"/>
    <col min="773" max="773" width="31.33203125" style="10" customWidth="1"/>
    <col min="774" max="774" width="15" style="10" bestFit="1" customWidth="1"/>
    <col min="775" max="777" width="11.88671875" style="10" customWidth="1"/>
    <col min="778" max="779" width="6.33203125" style="10" customWidth="1"/>
    <col min="780" max="780" width="3.88671875" style="10" customWidth="1"/>
    <col min="781" max="781" width="4" style="10" customWidth="1"/>
    <col min="782" max="782" width="3.88671875" style="10" customWidth="1"/>
    <col min="783" max="783" width="3.21875" style="10" customWidth="1"/>
    <col min="784" max="784" width="5" style="10" bestFit="1" customWidth="1"/>
    <col min="785" max="786" width="0" style="10" hidden="1" customWidth="1"/>
    <col min="787" max="787" width="23.88671875" style="10" bestFit="1" customWidth="1"/>
    <col min="788" max="788" width="16.109375" style="10" bestFit="1" customWidth="1"/>
    <col min="789" max="789" width="8.6640625" style="10" customWidth="1"/>
    <col min="790" max="790" width="24.6640625" style="10" customWidth="1"/>
    <col min="791" max="791" width="65.109375" style="10" customWidth="1"/>
    <col min="792" max="965" width="8.6640625" style="10" customWidth="1"/>
    <col min="966" max="1023" width="8.6640625" style="10"/>
    <col min="1024" max="1024" width="4.6640625" style="10" customWidth="1"/>
    <col min="1025" max="1027" width="1.21875" style="10" customWidth="1"/>
    <col min="1028" max="1028" width="25" style="10" customWidth="1"/>
    <col min="1029" max="1029" width="31.33203125" style="10" customWidth="1"/>
    <col min="1030" max="1030" width="15" style="10" bestFit="1" customWidth="1"/>
    <col min="1031" max="1033" width="11.88671875" style="10" customWidth="1"/>
    <col min="1034" max="1035" width="6.33203125" style="10" customWidth="1"/>
    <col min="1036" max="1036" width="3.88671875" style="10" customWidth="1"/>
    <col min="1037" max="1037" width="4" style="10" customWidth="1"/>
    <col min="1038" max="1038" width="3.88671875" style="10" customWidth="1"/>
    <col min="1039" max="1039" width="3.21875" style="10" customWidth="1"/>
    <col min="1040" max="1040" width="5" style="10" bestFit="1" customWidth="1"/>
    <col min="1041" max="1042" width="0" style="10" hidden="1" customWidth="1"/>
    <col min="1043" max="1043" width="23.88671875" style="10" bestFit="1" customWidth="1"/>
    <col min="1044" max="1044" width="16.109375" style="10" bestFit="1" customWidth="1"/>
    <col min="1045" max="1045" width="8.6640625" style="10" customWidth="1"/>
    <col min="1046" max="1046" width="24.6640625" style="10" customWidth="1"/>
    <col min="1047" max="1047" width="65.109375" style="10" customWidth="1"/>
    <col min="1048" max="1221" width="8.6640625" style="10" customWidth="1"/>
    <col min="1222" max="1279" width="8.6640625" style="10"/>
    <col min="1280" max="1280" width="4.6640625" style="10" customWidth="1"/>
    <col min="1281" max="1283" width="1.21875" style="10" customWidth="1"/>
    <col min="1284" max="1284" width="25" style="10" customWidth="1"/>
    <col min="1285" max="1285" width="31.33203125" style="10" customWidth="1"/>
    <col min="1286" max="1286" width="15" style="10" bestFit="1" customWidth="1"/>
    <col min="1287" max="1289" width="11.88671875" style="10" customWidth="1"/>
    <col min="1290" max="1291" width="6.33203125" style="10" customWidth="1"/>
    <col min="1292" max="1292" width="3.88671875" style="10" customWidth="1"/>
    <col min="1293" max="1293" width="4" style="10" customWidth="1"/>
    <col min="1294" max="1294" width="3.88671875" style="10" customWidth="1"/>
    <col min="1295" max="1295" width="3.21875" style="10" customWidth="1"/>
    <col min="1296" max="1296" width="5" style="10" bestFit="1" customWidth="1"/>
    <col min="1297" max="1298" width="0" style="10" hidden="1" customWidth="1"/>
    <col min="1299" max="1299" width="23.88671875" style="10" bestFit="1" customWidth="1"/>
    <col min="1300" max="1300" width="16.109375" style="10" bestFit="1" customWidth="1"/>
    <col min="1301" max="1301" width="8.6640625" style="10" customWidth="1"/>
    <col min="1302" max="1302" width="24.6640625" style="10" customWidth="1"/>
    <col min="1303" max="1303" width="65.109375" style="10" customWidth="1"/>
    <col min="1304" max="1477" width="8.6640625" style="10" customWidth="1"/>
    <col min="1478" max="1535" width="8.6640625" style="10"/>
    <col min="1536" max="1536" width="4.6640625" style="10" customWidth="1"/>
    <col min="1537" max="1539" width="1.21875" style="10" customWidth="1"/>
    <col min="1540" max="1540" width="25" style="10" customWidth="1"/>
    <col min="1541" max="1541" width="31.33203125" style="10" customWidth="1"/>
    <col min="1542" max="1542" width="15" style="10" bestFit="1" customWidth="1"/>
    <col min="1543" max="1545" width="11.88671875" style="10" customWidth="1"/>
    <col min="1546" max="1547" width="6.33203125" style="10" customWidth="1"/>
    <col min="1548" max="1548" width="3.88671875" style="10" customWidth="1"/>
    <col min="1549" max="1549" width="4" style="10" customWidth="1"/>
    <col min="1550" max="1550" width="3.88671875" style="10" customWidth="1"/>
    <col min="1551" max="1551" width="3.21875" style="10" customWidth="1"/>
    <col min="1552" max="1552" width="5" style="10" bestFit="1" customWidth="1"/>
    <col min="1553" max="1554" width="0" style="10" hidden="1" customWidth="1"/>
    <col min="1555" max="1555" width="23.88671875" style="10" bestFit="1" customWidth="1"/>
    <col min="1556" max="1556" width="16.109375" style="10" bestFit="1" customWidth="1"/>
    <col min="1557" max="1557" width="8.6640625" style="10" customWidth="1"/>
    <col min="1558" max="1558" width="24.6640625" style="10" customWidth="1"/>
    <col min="1559" max="1559" width="65.109375" style="10" customWidth="1"/>
    <col min="1560" max="1733" width="8.6640625" style="10" customWidth="1"/>
    <col min="1734" max="1791" width="8.6640625" style="10"/>
    <col min="1792" max="1792" width="4.6640625" style="10" customWidth="1"/>
    <col min="1793" max="1795" width="1.21875" style="10" customWidth="1"/>
    <col min="1796" max="1796" width="25" style="10" customWidth="1"/>
    <col min="1797" max="1797" width="31.33203125" style="10" customWidth="1"/>
    <col min="1798" max="1798" width="15" style="10" bestFit="1" customWidth="1"/>
    <col min="1799" max="1801" width="11.88671875" style="10" customWidth="1"/>
    <col min="1802" max="1803" width="6.33203125" style="10" customWidth="1"/>
    <col min="1804" max="1804" width="3.88671875" style="10" customWidth="1"/>
    <col min="1805" max="1805" width="4" style="10" customWidth="1"/>
    <col min="1806" max="1806" width="3.88671875" style="10" customWidth="1"/>
    <col min="1807" max="1807" width="3.21875" style="10" customWidth="1"/>
    <col min="1808" max="1808" width="5" style="10" bestFit="1" customWidth="1"/>
    <col min="1809" max="1810" width="0" style="10" hidden="1" customWidth="1"/>
    <col min="1811" max="1811" width="23.88671875" style="10" bestFit="1" customWidth="1"/>
    <col min="1812" max="1812" width="16.109375" style="10" bestFit="1" customWidth="1"/>
    <col min="1813" max="1813" width="8.6640625" style="10" customWidth="1"/>
    <col min="1814" max="1814" width="24.6640625" style="10" customWidth="1"/>
    <col min="1815" max="1815" width="65.109375" style="10" customWidth="1"/>
    <col min="1816" max="1989" width="8.6640625" style="10" customWidth="1"/>
    <col min="1990" max="2047" width="8.6640625" style="10"/>
    <col min="2048" max="2048" width="4.6640625" style="10" customWidth="1"/>
    <col min="2049" max="2051" width="1.21875" style="10" customWidth="1"/>
    <col min="2052" max="2052" width="25" style="10" customWidth="1"/>
    <col min="2053" max="2053" width="31.33203125" style="10" customWidth="1"/>
    <col min="2054" max="2054" width="15" style="10" bestFit="1" customWidth="1"/>
    <col min="2055" max="2057" width="11.88671875" style="10" customWidth="1"/>
    <col min="2058" max="2059" width="6.33203125" style="10" customWidth="1"/>
    <col min="2060" max="2060" width="3.88671875" style="10" customWidth="1"/>
    <col min="2061" max="2061" width="4" style="10" customWidth="1"/>
    <col min="2062" max="2062" width="3.88671875" style="10" customWidth="1"/>
    <col min="2063" max="2063" width="3.21875" style="10" customWidth="1"/>
    <col min="2064" max="2064" width="5" style="10" bestFit="1" customWidth="1"/>
    <col min="2065" max="2066" width="0" style="10" hidden="1" customWidth="1"/>
    <col min="2067" max="2067" width="23.88671875" style="10" bestFit="1" customWidth="1"/>
    <col min="2068" max="2068" width="16.109375" style="10" bestFit="1" customWidth="1"/>
    <col min="2069" max="2069" width="8.6640625" style="10" customWidth="1"/>
    <col min="2070" max="2070" width="24.6640625" style="10" customWidth="1"/>
    <col min="2071" max="2071" width="65.109375" style="10" customWidth="1"/>
    <col min="2072" max="2245" width="8.6640625" style="10" customWidth="1"/>
    <col min="2246" max="2303" width="8.6640625" style="10"/>
    <col min="2304" max="2304" width="4.6640625" style="10" customWidth="1"/>
    <col min="2305" max="2307" width="1.21875" style="10" customWidth="1"/>
    <col min="2308" max="2308" width="25" style="10" customWidth="1"/>
    <col min="2309" max="2309" width="31.33203125" style="10" customWidth="1"/>
    <col min="2310" max="2310" width="15" style="10" bestFit="1" customWidth="1"/>
    <col min="2311" max="2313" width="11.88671875" style="10" customWidth="1"/>
    <col min="2314" max="2315" width="6.33203125" style="10" customWidth="1"/>
    <col min="2316" max="2316" width="3.88671875" style="10" customWidth="1"/>
    <col min="2317" max="2317" width="4" style="10" customWidth="1"/>
    <col min="2318" max="2318" width="3.88671875" style="10" customWidth="1"/>
    <col min="2319" max="2319" width="3.21875" style="10" customWidth="1"/>
    <col min="2320" max="2320" width="5" style="10" bestFit="1" customWidth="1"/>
    <col min="2321" max="2322" width="0" style="10" hidden="1" customWidth="1"/>
    <col min="2323" max="2323" width="23.88671875" style="10" bestFit="1" customWidth="1"/>
    <col min="2324" max="2324" width="16.109375" style="10" bestFit="1" customWidth="1"/>
    <col min="2325" max="2325" width="8.6640625" style="10" customWidth="1"/>
    <col min="2326" max="2326" width="24.6640625" style="10" customWidth="1"/>
    <col min="2327" max="2327" width="65.109375" style="10" customWidth="1"/>
    <col min="2328" max="2501" width="8.6640625" style="10" customWidth="1"/>
    <col min="2502" max="2559" width="8.6640625" style="10"/>
    <col min="2560" max="2560" width="4.6640625" style="10" customWidth="1"/>
    <col min="2561" max="2563" width="1.21875" style="10" customWidth="1"/>
    <col min="2564" max="2564" width="25" style="10" customWidth="1"/>
    <col min="2565" max="2565" width="31.33203125" style="10" customWidth="1"/>
    <col min="2566" max="2566" width="15" style="10" bestFit="1" customWidth="1"/>
    <col min="2567" max="2569" width="11.88671875" style="10" customWidth="1"/>
    <col min="2570" max="2571" width="6.33203125" style="10" customWidth="1"/>
    <col min="2572" max="2572" width="3.88671875" style="10" customWidth="1"/>
    <col min="2573" max="2573" width="4" style="10" customWidth="1"/>
    <col min="2574" max="2574" width="3.88671875" style="10" customWidth="1"/>
    <col min="2575" max="2575" width="3.21875" style="10" customWidth="1"/>
    <col min="2576" max="2576" width="5" style="10" bestFit="1" customWidth="1"/>
    <col min="2577" max="2578" width="0" style="10" hidden="1" customWidth="1"/>
    <col min="2579" max="2579" width="23.88671875" style="10" bestFit="1" customWidth="1"/>
    <col min="2580" max="2580" width="16.109375" style="10" bestFit="1" customWidth="1"/>
    <col min="2581" max="2581" width="8.6640625" style="10" customWidth="1"/>
    <col min="2582" max="2582" width="24.6640625" style="10" customWidth="1"/>
    <col min="2583" max="2583" width="65.109375" style="10" customWidth="1"/>
    <col min="2584" max="2757" width="8.6640625" style="10" customWidth="1"/>
    <col min="2758" max="2815" width="8.6640625" style="10"/>
    <col min="2816" max="2816" width="4.6640625" style="10" customWidth="1"/>
    <col min="2817" max="2819" width="1.21875" style="10" customWidth="1"/>
    <col min="2820" max="2820" width="25" style="10" customWidth="1"/>
    <col min="2821" max="2821" width="31.33203125" style="10" customWidth="1"/>
    <col min="2822" max="2822" width="15" style="10" bestFit="1" customWidth="1"/>
    <col min="2823" max="2825" width="11.88671875" style="10" customWidth="1"/>
    <col min="2826" max="2827" width="6.33203125" style="10" customWidth="1"/>
    <col min="2828" max="2828" width="3.88671875" style="10" customWidth="1"/>
    <col min="2829" max="2829" width="4" style="10" customWidth="1"/>
    <col min="2830" max="2830" width="3.88671875" style="10" customWidth="1"/>
    <col min="2831" max="2831" width="3.21875" style="10" customWidth="1"/>
    <col min="2832" max="2832" width="5" style="10" bestFit="1" customWidth="1"/>
    <col min="2833" max="2834" width="0" style="10" hidden="1" customWidth="1"/>
    <col min="2835" max="2835" width="23.88671875" style="10" bestFit="1" customWidth="1"/>
    <col min="2836" max="2836" width="16.109375" style="10" bestFit="1" customWidth="1"/>
    <col min="2837" max="2837" width="8.6640625" style="10" customWidth="1"/>
    <col min="2838" max="2838" width="24.6640625" style="10" customWidth="1"/>
    <col min="2839" max="2839" width="65.109375" style="10" customWidth="1"/>
    <col min="2840" max="3013" width="8.6640625" style="10" customWidth="1"/>
    <col min="3014" max="3071" width="8.6640625" style="10"/>
    <col min="3072" max="3072" width="4.6640625" style="10" customWidth="1"/>
    <col min="3073" max="3075" width="1.21875" style="10" customWidth="1"/>
    <col min="3076" max="3076" width="25" style="10" customWidth="1"/>
    <col min="3077" max="3077" width="31.33203125" style="10" customWidth="1"/>
    <col min="3078" max="3078" width="15" style="10" bestFit="1" customWidth="1"/>
    <col min="3079" max="3081" width="11.88671875" style="10" customWidth="1"/>
    <col min="3082" max="3083" width="6.33203125" style="10" customWidth="1"/>
    <col min="3084" max="3084" width="3.88671875" style="10" customWidth="1"/>
    <col min="3085" max="3085" width="4" style="10" customWidth="1"/>
    <col min="3086" max="3086" width="3.88671875" style="10" customWidth="1"/>
    <col min="3087" max="3087" width="3.21875" style="10" customWidth="1"/>
    <col min="3088" max="3088" width="5" style="10" bestFit="1" customWidth="1"/>
    <col min="3089" max="3090" width="0" style="10" hidden="1" customWidth="1"/>
    <col min="3091" max="3091" width="23.88671875" style="10" bestFit="1" customWidth="1"/>
    <col min="3092" max="3092" width="16.109375" style="10" bestFit="1" customWidth="1"/>
    <col min="3093" max="3093" width="8.6640625" style="10" customWidth="1"/>
    <col min="3094" max="3094" width="24.6640625" style="10" customWidth="1"/>
    <col min="3095" max="3095" width="65.109375" style="10" customWidth="1"/>
    <col min="3096" max="3269" width="8.6640625" style="10" customWidth="1"/>
    <col min="3270" max="3327" width="8.6640625" style="10"/>
    <col min="3328" max="3328" width="4.6640625" style="10" customWidth="1"/>
    <col min="3329" max="3331" width="1.21875" style="10" customWidth="1"/>
    <col min="3332" max="3332" width="25" style="10" customWidth="1"/>
    <col min="3333" max="3333" width="31.33203125" style="10" customWidth="1"/>
    <col min="3334" max="3334" width="15" style="10" bestFit="1" customWidth="1"/>
    <col min="3335" max="3337" width="11.88671875" style="10" customWidth="1"/>
    <col min="3338" max="3339" width="6.33203125" style="10" customWidth="1"/>
    <col min="3340" max="3340" width="3.88671875" style="10" customWidth="1"/>
    <col min="3341" max="3341" width="4" style="10" customWidth="1"/>
    <col min="3342" max="3342" width="3.88671875" style="10" customWidth="1"/>
    <col min="3343" max="3343" width="3.21875" style="10" customWidth="1"/>
    <col min="3344" max="3344" width="5" style="10" bestFit="1" customWidth="1"/>
    <col min="3345" max="3346" width="0" style="10" hidden="1" customWidth="1"/>
    <col min="3347" max="3347" width="23.88671875" style="10" bestFit="1" customWidth="1"/>
    <col min="3348" max="3348" width="16.109375" style="10" bestFit="1" customWidth="1"/>
    <col min="3349" max="3349" width="8.6640625" style="10" customWidth="1"/>
    <col min="3350" max="3350" width="24.6640625" style="10" customWidth="1"/>
    <col min="3351" max="3351" width="65.109375" style="10" customWidth="1"/>
    <col min="3352" max="3525" width="8.6640625" style="10" customWidth="1"/>
    <col min="3526" max="3583" width="8.6640625" style="10"/>
    <col min="3584" max="3584" width="4.6640625" style="10" customWidth="1"/>
    <col min="3585" max="3587" width="1.21875" style="10" customWidth="1"/>
    <col min="3588" max="3588" width="25" style="10" customWidth="1"/>
    <col min="3589" max="3589" width="31.33203125" style="10" customWidth="1"/>
    <col min="3590" max="3590" width="15" style="10" bestFit="1" customWidth="1"/>
    <col min="3591" max="3593" width="11.88671875" style="10" customWidth="1"/>
    <col min="3594" max="3595" width="6.33203125" style="10" customWidth="1"/>
    <col min="3596" max="3596" width="3.88671875" style="10" customWidth="1"/>
    <col min="3597" max="3597" width="4" style="10" customWidth="1"/>
    <col min="3598" max="3598" width="3.88671875" style="10" customWidth="1"/>
    <col min="3599" max="3599" width="3.21875" style="10" customWidth="1"/>
    <col min="3600" max="3600" width="5" style="10" bestFit="1" customWidth="1"/>
    <col min="3601" max="3602" width="0" style="10" hidden="1" customWidth="1"/>
    <col min="3603" max="3603" width="23.88671875" style="10" bestFit="1" customWidth="1"/>
    <col min="3604" max="3604" width="16.109375" style="10" bestFit="1" customWidth="1"/>
    <col min="3605" max="3605" width="8.6640625" style="10" customWidth="1"/>
    <col min="3606" max="3606" width="24.6640625" style="10" customWidth="1"/>
    <col min="3607" max="3607" width="65.109375" style="10" customWidth="1"/>
    <col min="3608" max="3781" width="8.6640625" style="10" customWidth="1"/>
    <col min="3782" max="3839" width="8.6640625" style="10"/>
    <col min="3840" max="3840" width="4.6640625" style="10" customWidth="1"/>
    <col min="3841" max="3843" width="1.21875" style="10" customWidth="1"/>
    <col min="3844" max="3844" width="25" style="10" customWidth="1"/>
    <col min="3845" max="3845" width="31.33203125" style="10" customWidth="1"/>
    <col min="3846" max="3846" width="15" style="10" bestFit="1" customWidth="1"/>
    <col min="3847" max="3849" width="11.88671875" style="10" customWidth="1"/>
    <col min="3850" max="3851" width="6.33203125" style="10" customWidth="1"/>
    <col min="3852" max="3852" width="3.88671875" style="10" customWidth="1"/>
    <col min="3853" max="3853" width="4" style="10" customWidth="1"/>
    <col min="3854" max="3854" width="3.88671875" style="10" customWidth="1"/>
    <col min="3855" max="3855" width="3.21875" style="10" customWidth="1"/>
    <col min="3856" max="3856" width="5" style="10" bestFit="1" customWidth="1"/>
    <col min="3857" max="3858" width="0" style="10" hidden="1" customWidth="1"/>
    <col min="3859" max="3859" width="23.88671875" style="10" bestFit="1" customWidth="1"/>
    <col min="3860" max="3860" width="16.109375" style="10" bestFit="1" customWidth="1"/>
    <col min="3861" max="3861" width="8.6640625" style="10" customWidth="1"/>
    <col min="3862" max="3862" width="24.6640625" style="10" customWidth="1"/>
    <col min="3863" max="3863" width="65.109375" style="10" customWidth="1"/>
    <col min="3864" max="4037" width="8.6640625" style="10" customWidth="1"/>
    <col min="4038" max="4095" width="8.6640625" style="10"/>
    <col min="4096" max="4096" width="4.6640625" style="10" customWidth="1"/>
    <col min="4097" max="4099" width="1.21875" style="10" customWidth="1"/>
    <col min="4100" max="4100" width="25" style="10" customWidth="1"/>
    <col min="4101" max="4101" width="31.33203125" style="10" customWidth="1"/>
    <col min="4102" max="4102" width="15" style="10" bestFit="1" customWidth="1"/>
    <col min="4103" max="4105" width="11.88671875" style="10" customWidth="1"/>
    <col min="4106" max="4107" width="6.33203125" style="10" customWidth="1"/>
    <col min="4108" max="4108" width="3.88671875" style="10" customWidth="1"/>
    <col min="4109" max="4109" width="4" style="10" customWidth="1"/>
    <col min="4110" max="4110" width="3.88671875" style="10" customWidth="1"/>
    <col min="4111" max="4111" width="3.21875" style="10" customWidth="1"/>
    <col min="4112" max="4112" width="5" style="10" bestFit="1" customWidth="1"/>
    <col min="4113" max="4114" width="0" style="10" hidden="1" customWidth="1"/>
    <col min="4115" max="4115" width="23.88671875" style="10" bestFit="1" customWidth="1"/>
    <col min="4116" max="4116" width="16.109375" style="10" bestFit="1" customWidth="1"/>
    <col min="4117" max="4117" width="8.6640625" style="10" customWidth="1"/>
    <col min="4118" max="4118" width="24.6640625" style="10" customWidth="1"/>
    <col min="4119" max="4119" width="65.109375" style="10" customWidth="1"/>
    <col min="4120" max="4293" width="8.6640625" style="10" customWidth="1"/>
    <col min="4294" max="4351" width="8.6640625" style="10"/>
    <col min="4352" max="4352" width="4.6640625" style="10" customWidth="1"/>
    <col min="4353" max="4355" width="1.21875" style="10" customWidth="1"/>
    <col min="4356" max="4356" width="25" style="10" customWidth="1"/>
    <col min="4357" max="4357" width="31.33203125" style="10" customWidth="1"/>
    <col min="4358" max="4358" width="15" style="10" bestFit="1" customWidth="1"/>
    <col min="4359" max="4361" width="11.88671875" style="10" customWidth="1"/>
    <col min="4362" max="4363" width="6.33203125" style="10" customWidth="1"/>
    <col min="4364" max="4364" width="3.88671875" style="10" customWidth="1"/>
    <col min="4365" max="4365" width="4" style="10" customWidth="1"/>
    <col min="4366" max="4366" width="3.88671875" style="10" customWidth="1"/>
    <col min="4367" max="4367" width="3.21875" style="10" customWidth="1"/>
    <col min="4368" max="4368" width="5" style="10" bestFit="1" customWidth="1"/>
    <col min="4369" max="4370" width="0" style="10" hidden="1" customWidth="1"/>
    <col min="4371" max="4371" width="23.88671875" style="10" bestFit="1" customWidth="1"/>
    <col min="4372" max="4372" width="16.109375" style="10" bestFit="1" customWidth="1"/>
    <col min="4373" max="4373" width="8.6640625" style="10" customWidth="1"/>
    <col min="4374" max="4374" width="24.6640625" style="10" customWidth="1"/>
    <col min="4375" max="4375" width="65.109375" style="10" customWidth="1"/>
    <col min="4376" max="4549" width="8.6640625" style="10" customWidth="1"/>
    <col min="4550" max="4607" width="8.6640625" style="10"/>
    <col min="4608" max="4608" width="4.6640625" style="10" customWidth="1"/>
    <col min="4609" max="4611" width="1.21875" style="10" customWidth="1"/>
    <col min="4612" max="4612" width="25" style="10" customWidth="1"/>
    <col min="4613" max="4613" width="31.33203125" style="10" customWidth="1"/>
    <col min="4614" max="4614" width="15" style="10" bestFit="1" customWidth="1"/>
    <col min="4615" max="4617" width="11.88671875" style="10" customWidth="1"/>
    <col min="4618" max="4619" width="6.33203125" style="10" customWidth="1"/>
    <col min="4620" max="4620" width="3.88671875" style="10" customWidth="1"/>
    <col min="4621" max="4621" width="4" style="10" customWidth="1"/>
    <col min="4622" max="4622" width="3.88671875" style="10" customWidth="1"/>
    <col min="4623" max="4623" width="3.21875" style="10" customWidth="1"/>
    <col min="4624" max="4624" width="5" style="10" bestFit="1" customWidth="1"/>
    <col min="4625" max="4626" width="0" style="10" hidden="1" customWidth="1"/>
    <col min="4627" max="4627" width="23.88671875" style="10" bestFit="1" customWidth="1"/>
    <col min="4628" max="4628" width="16.109375" style="10" bestFit="1" customWidth="1"/>
    <col min="4629" max="4629" width="8.6640625" style="10" customWidth="1"/>
    <col min="4630" max="4630" width="24.6640625" style="10" customWidth="1"/>
    <col min="4631" max="4631" width="65.109375" style="10" customWidth="1"/>
    <col min="4632" max="4805" width="8.6640625" style="10" customWidth="1"/>
    <col min="4806" max="4863" width="8.6640625" style="10"/>
    <col min="4864" max="4864" width="4.6640625" style="10" customWidth="1"/>
    <col min="4865" max="4867" width="1.21875" style="10" customWidth="1"/>
    <col min="4868" max="4868" width="25" style="10" customWidth="1"/>
    <col min="4869" max="4869" width="31.33203125" style="10" customWidth="1"/>
    <col min="4870" max="4870" width="15" style="10" bestFit="1" customWidth="1"/>
    <col min="4871" max="4873" width="11.88671875" style="10" customWidth="1"/>
    <col min="4874" max="4875" width="6.33203125" style="10" customWidth="1"/>
    <col min="4876" max="4876" width="3.88671875" style="10" customWidth="1"/>
    <col min="4877" max="4877" width="4" style="10" customWidth="1"/>
    <col min="4878" max="4878" width="3.88671875" style="10" customWidth="1"/>
    <col min="4879" max="4879" width="3.21875" style="10" customWidth="1"/>
    <col min="4880" max="4880" width="5" style="10" bestFit="1" customWidth="1"/>
    <col min="4881" max="4882" width="0" style="10" hidden="1" customWidth="1"/>
    <col min="4883" max="4883" width="23.88671875" style="10" bestFit="1" customWidth="1"/>
    <col min="4884" max="4884" width="16.109375" style="10" bestFit="1" customWidth="1"/>
    <col min="4885" max="4885" width="8.6640625" style="10" customWidth="1"/>
    <col min="4886" max="4886" width="24.6640625" style="10" customWidth="1"/>
    <col min="4887" max="4887" width="65.109375" style="10" customWidth="1"/>
    <col min="4888" max="5061" width="8.6640625" style="10" customWidth="1"/>
    <col min="5062" max="5119" width="8.6640625" style="10"/>
    <col min="5120" max="5120" width="4.6640625" style="10" customWidth="1"/>
    <col min="5121" max="5123" width="1.21875" style="10" customWidth="1"/>
    <col min="5124" max="5124" width="25" style="10" customWidth="1"/>
    <col min="5125" max="5125" width="31.33203125" style="10" customWidth="1"/>
    <col min="5126" max="5126" width="15" style="10" bestFit="1" customWidth="1"/>
    <col min="5127" max="5129" width="11.88671875" style="10" customWidth="1"/>
    <col min="5130" max="5131" width="6.33203125" style="10" customWidth="1"/>
    <col min="5132" max="5132" width="3.88671875" style="10" customWidth="1"/>
    <col min="5133" max="5133" width="4" style="10" customWidth="1"/>
    <col min="5134" max="5134" width="3.88671875" style="10" customWidth="1"/>
    <col min="5135" max="5135" width="3.21875" style="10" customWidth="1"/>
    <col min="5136" max="5136" width="5" style="10" bestFit="1" customWidth="1"/>
    <col min="5137" max="5138" width="0" style="10" hidden="1" customWidth="1"/>
    <col min="5139" max="5139" width="23.88671875" style="10" bestFit="1" customWidth="1"/>
    <col min="5140" max="5140" width="16.109375" style="10" bestFit="1" customWidth="1"/>
    <col min="5141" max="5141" width="8.6640625" style="10" customWidth="1"/>
    <col min="5142" max="5142" width="24.6640625" style="10" customWidth="1"/>
    <col min="5143" max="5143" width="65.109375" style="10" customWidth="1"/>
    <col min="5144" max="5317" width="8.6640625" style="10" customWidth="1"/>
    <col min="5318" max="5375" width="8.6640625" style="10"/>
    <col min="5376" max="5376" width="4.6640625" style="10" customWidth="1"/>
    <col min="5377" max="5379" width="1.21875" style="10" customWidth="1"/>
    <col min="5380" max="5380" width="25" style="10" customWidth="1"/>
    <col min="5381" max="5381" width="31.33203125" style="10" customWidth="1"/>
    <col min="5382" max="5382" width="15" style="10" bestFit="1" customWidth="1"/>
    <col min="5383" max="5385" width="11.88671875" style="10" customWidth="1"/>
    <col min="5386" max="5387" width="6.33203125" style="10" customWidth="1"/>
    <col min="5388" max="5388" width="3.88671875" style="10" customWidth="1"/>
    <col min="5389" max="5389" width="4" style="10" customWidth="1"/>
    <col min="5390" max="5390" width="3.88671875" style="10" customWidth="1"/>
    <col min="5391" max="5391" width="3.21875" style="10" customWidth="1"/>
    <col min="5392" max="5392" width="5" style="10" bestFit="1" customWidth="1"/>
    <col min="5393" max="5394" width="0" style="10" hidden="1" customWidth="1"/>
    <col min="5395" max="5395" width="23.88671875" style="10" bestFit="1" customWidth="1"/>
    <col min="5396" max="5396" width="16.109375" style="10" bestFit="1" customWidth="1"/>
    <col min="5397" max="5397" width="8.6640625" style="10" customWidth="1"/>
    <col min="5398" max="5398" width="24.6640625" style="10" customWidth="1"/>
    <col min="5399" max="5399" width="65.109375" style="10" customWidth="1"/>
    <col min="5400" max="5573" width="8.6640625" style="10" customWidth="1"/>
    <col min="5574" max="5631" width="8.6640625" style="10"/>
    <col min="5632" max="5632" width="4.6640625" style="10" customWidth="1"/>
    <col min="5633" max="5635" width="1.21875" style="10" customWidth="1"/>
    <col min="5636" max="5636" width="25" style="10" customWidth="1"/>
    <col min="5637" max="5637" width="31.33203125" style="10" customWidth="1"/>
    <col min="5638" max="5638" width="15" style="10" bestFit="1" customWidth="1"/>
    <col min="5639" max="5641" width="11.88671875" style="10" customWidth="1"/>
    <col min="5642" max="5643" width="6.33203125" style="10" customWidth="1"/>
    <col min="5644" max="5644" width="3.88671875" style="10" customWidth="1"/>
    <col min="5645" max="5645" width="4" style="10" customWidth="1"/>
    <col min="5646" max="5646" width="3.88671875" style="10" customWidth="1"/>
    <col min="5647" max="5647" width="3.21875" style="10" customWidth="1"/>
    <col min="5648" max="5648" width="5" style="10" bestFit="1" customWidth="1"/>
    <col min="5649" max="5650" width="0" style="10" hidden="1" customWidth="1"/>
    <col min="5651" max="5651" width="23.88671875" style="10" bestFit="1" customWidth="1"/>
    <col min="5652" max="5652" width="16.109375" style="10" bestFit="1" customWidth="1"/>
    <col min="5653" max="5653" width="8.6640625" style="10" customWidth="1"/>
    <col min="5654" max="5654" width="24.6640625" style="10" customWidth="1"/>
    <col min="5655" max="5655" width="65.109375" style="10" customWidth="1"/>
    <col min="5656" max="5829" width="8.6640625" style="10" customWidth="1"/>
    <col min="5830" max="5887" width="8.6640625" style="10"/>
    <col min="5888" max="5888" width="4.6640625" style="10" customWidth="1"/>
    <col min="5889" max="5891" width="1.21875" style="10" customWidth="1"/>
    <col min="5892" max="5892" width="25" style="10" customWidth="1"/>
    <col min="5893" max="5893" width="31.33203125" style="10" customWidth="1"/>
    <col min="5894" max="5894" width="15" style="10" bestFit="1" customWidth="1"/>
    <col min="5895" max="5897" width="11.88671875" style="10" customWidth="1"/>
    <col min="5898" max="5899" width="6.33203125" style="10" customWidth="1"/>
    <col min="5900" max="5900" width="3.88671875" style="10" customWidth="1"/>
    <col min="5901" max="5901" width="4" style="10" customWidth="1"/>
    <col min="5902" max="5902" width="3.88671875" style="10" customWidth="1"/>
    <col min="5903" max="5903" width="3.21875" style="10" customWidth="1"/>
    <col min="5904" max="5904" width="5" style="10" bestFit="1" customWidth="1"/>
    <col min="5905" max="5906" width="0" style="10" hidden="1" customWidth="1"/>
    <col min="5907" max="5907" width="23.88671875" style="10" bestFit="1" customWidth="1"/>
    <col min="5908" max="5908" width="16.109375" style="10" bestFit="1" customWidth="1"/>
    <col min="5909" max="5909" width="8.6640625" style="10" customWidth="1"/>
    <col min="5910" max="5910" width="24.6640625" style="10" customWidth="1"/>
    <col min="5911" max="5911" width="65.109375" style="10" customWidth="1"/>
    <col min="5912" max="6085" width="8.6640625" style="10" customWidth="1"/>
    <col min="6086" max="6143" width="8.6640625" style="10"/>
    <col min="6144" max="6144" width="4.6640625" style="10" customWidth="1"/>
    <col min="6145" max="6147" width="1.21875" style="10" customWidth="1"/>
    <col min="6148" max="6148" width="25" style="10" customWidth="1"/>
    <col min="6149" max="6149" width="31.33203125" style="10" customWidth="1"/>
    <col min="6150" max="6150" width="15" style="10" bestFit="1" customWidth="1"/>
    <col min="6151" max="6153" width="11.88671875" style="10" customWidth="1"/>
    <col min="6154" max="6155" width="6.33203125" style="10" customWidth="1"/>
    <col min="6156" max="6156" width="3.88671875" style="10" customWidth="1"/>
    <col min="6157" max="6157" width="4" style="10" customWidth="1"/>
    <col min="6158" max="6158" width="3.88671875" style="10" customWidth="1"/>
    <col min="6159" max="6159" width="3.21875" style="10" customWidth="1"/>
    <col min="6160" max="6160" width="5" style="10" bestFit="1" customWidth="1"/>
    <col min="6161" max="6162" width="0" style="10" hidden="1" customWidth="1"/>
    <col min="6163" max="6163" width="23.88671875" style="10" bestFit="1" customWidth="1"/>
    <col min="6164" max="6164" width="16.109375" style="10" bestFit="1" customWidth="1"/>
    <col min="6165" max="6165" width="8.6640625" style="10" customWidth="1"/>
    <col min="6166" max="6166" width="24.6640625" style="10" customWidth="1"/>
    <col min="6167" max="6167" width="65.109375" style="10" customWidth="1"/>
    <col min="6168" max="6341" width="8.6640625" style="10" customWidth="1"/>
    <col min="6342" max="6399" width="8.6640625" style="10"/>
    <col min="6400" max="6400" width="4.6640625" style="10" customWidth="1"/>
    <col min="6401" max="6403" width="1.21875" style="10" customWidth="1"/>
    <col min="6404" max="6404" width="25" style="10" customWidth="1"/>
    <col min="6405" max="6405" width="31.33203125" style="10" customWidth="1"/>
    <col min="6406" max="6406" width="15" style="10" bestFit="1" customWidth="1"/>
    <col min="6407" max="6409" width="11.88671875" style="10" customWidth="1"/>
    <col min="6410" max="6411" width="6.33203125" style="10" customWidth="1"/>
    <col min="6412" max="6412" width="3.88671875" style="10" customWidth="1"/>
    <col min="6413" max="6413" width="4" style="10" customWidth="1"/>
    <col min="6414" max="6414" width="3.88671875" style="10" customWidth="1"/>
    <col min="6415" max="6415" width="3.21875" style="10" customWidth="1"/>
    <col min="6416" max="6416" width="5" style="10" bestFit="1" customWidth="1"/>
    <col min="6417" max="6418" width="0" style="10" hidden="1" customWidth="1"/>
    <col min="6419" max="6419" width="23.88671875" style="10" bestFit="1" customWidth="1"/>
    <col min="6420" max="6420" width="16.109375" style="10" bestFit="1" customWidth="1"/>
    <col min="6421" max="6421" width="8.6640625" style="10" customWidth="1"/>
    <col min="6422" max="6422" width="24.6640625" style="10" customWidth="1"/>
    <col min="6423" max="6423" width="65.109375" style="10" customWidth="1"/>
    <col min="6424" max="6597" width="8.6640625" style="10" customWidth="1"/>
    <col min="6598" max="6655" width="8.6640625" style="10"/>
    <col min="6656" max="6656" width="4.6640625" style="10" customWidth="1"/>
    <col min="6657" max="6659" width="1.21875" style="10" customWidth="1"/>
    <col min="6660" max="6660" width="25" style="10" customWidth="1"/>
    <col min="6661" max="6661" width="31.33203125" style="10" customWidth="1"/>
    <col min="6662" max="6662" width="15" style="10" bestFit="1" customWidth="1"/>
    <col min="6663" max="6665" width="11.88671875" style="10" customWidth="1"/>
    <col min="6666" max="6667" width="6.33203125" style="10" customWidth="1"/>
    <col min="6668" max="6668" width="3.88671875" style="10" customWidth="1"/>
    <col min="6669" max="6669" width="4" style="10" customWidth="1"/>
    <col min="6670" max="6670" width="3.88671875" style="10" customWidth="1"/>
    <col min="6671" max="6671" width="3.21875" style="10" customWidth="1"/>
    <col min="6672" max="6672" width="5" style="10" bestFit="1" customWidth="1"/>
    <col min="6673" max="6674" width="0" style="10" hidden="1" customWidth="1"/>
    <col min="6675" max="6675" width="23.88671875" style="10" bestFit="1" customWidth="1"/>
    <col min="6676" max="6676" width="16.109375" style="10" bestFit="1" customWidth="1"/>
    <col min="6677" max="6677" width="8.6640625" style="10" customWidth="1"/>
    <col min="6678" max="6678" width="24.6640625" style="10" customWidth="1"/>
    <col min="6679" max="6679" width="65.109375" style="10" customWidth="1"/>
    <col min="6680" max="6853" width="8.6640625" style="10" customWidth="1"/>
    <col min="6854" max="6911" width="8.6640625" style="10"/>
    <col min="6912" max="6912" width="4.6640625" style="10" customWidth="1"/>
    <col min="6913" max="6915" width="1.21875" style="10" customWidth="1"/>
    <col min="6916" max="6916" width="25" style="10" customWidth="1"/>
    <col min="6917" max="6917" width="31.33203125" style="10" customWidth="1"/>
    <col min="6918" max="6918" width="15" style="10" bestFit="1" customWidth="1"/>
    <col min="6919" max="6921" width="11.88671875" style="10" customWidth="1"/>
    <col min="6922" max="6923" width="6.33203125" style="10" customWidth="1"/>
    <col min="6924" max="6924" width="3.88671875" style="10" customWidth="1"/>
    <col min="6925" max="6925" width="4" style="10" customWidth="1"/>
    <col min="6926" max="6926" width="3.88671875" style="10" customWidth="1"/>
    <col min="6927" max="6927" width="3.21875" style="10" customWidth="1"/>
    <col min="6928" max="6928" width="5" style="10" bestFit="1" customWidth="1"/>
    <col min="6929" max="6930" width="0" style="10" hidden="1" customWidth="1"/>
    <col min="6931" max="6931" width="23.88671875" style="10" bestFit="1" customWidth="1"/>
    <col min="6932" max="6932" width="16.109375" style="10" bestFit="1" customWidth="1"/>
    <col min="6933" max="6933" width="8.6640625" style="10" customWidth="1"/>
    <col min="6934" max="6934" width="24.6640625" style="10" customWidth="1"/>
    <col min="6935" max="6935" width="65.109375" style="10" customWidth="1"/>
    <col min="6936" max="7109" width="8.6640625" style="10" customWidth="1"/>
    <col min="7110" max="7167" width="8.6640625" style="10"/>
    <col min="7168" max="7168" width="4.6640625" style="10" customWidth="1"/>
    <col min="7169" max="7171" width="1.21875" style="10" customWidth="1"/>
    <col min="7172" max="7172" width="25" style="10" customWidth="1"/>
    <col min="7173" max="7173" width="31.33203125" style="10" customWidth="1"/>
    <col min="7174" max="7174" width="15" style="10" bestFit="1" customWidth="1"/>
    <col min="7175" max="7177" width="11.88671875" style="10" customWidth="1"/>
    <col min="7178" max="7179" width="6.33203125" style="10" customWidth="1"/>
    <col min="7180" max="7180" width="3.88671875" style="10" customWidth="1"/>
    <col min="7181" max="7181" width="4" style="10" customWidth="1"/>
    <col min="7182" max="7182" width="3.88671875" style="10" customWidth="1"/>
    <col min="7183" max="7183" width="3.21875" style="10" customWidth="1"/>
    <col min="7184" max="7184" width="5" style="10" bestFit="1" customWidth="1"/>
    <col min="7185" max="7186" width="0" style="10" hidden="1" customWidth="1"/>
    <col min="7187" max="7187" width="23.88671875" style="10" bestFit="1" customWidth="1"/>
    <col min="7188" max="7188" width="16.109375" style="10" bestFit="1" customWidth="1"/>
    <col min="7189" max="7189" width="8.6640625" style="10" customWidth="1"/>
    <col min="7190" max="7190" width="24.6640625" style="10" customWidth="1"/>
    <col min="7191" max="7191" width="65.109375" style="10" customWidth="1"/>
    <col min="7192" max="7365" width="8.6640625" style="10" customWidth="1"/>
    <col min="7366" max="7423" width="8.6640625" style="10"/>
    <col min="7424" max="7424" width="4.6640625" style="10" customWidth="1"/>
    <col min="7425" max="7427" width="1.21875" style="10" customWidth="1"/>
    <col min="7428" max="7428" width="25" style="10" customWidth="1"/>
    <col min="7429" max="7429" width="31.33203125" style="10" customWidth="1"/>
    <col min="7430" max="7430" width="15" style="10" bestFit="1" customWidth="1"/>
    <col min="7431" max="7433" width="11.88671875" style="10" customWidth="1"/>
    <col min="7434" max="7435" width="6.33203125" style="10" customWidth="1"/>
    <col min="7436" max="7436" width="3.88671875" style="10" customWidth="1"/>
    <col min="7437" max="7437" width="4" style="10" customWidth="1"/>
    <col min="7438" max="7438" width="3.88671875" style="10" customWidth="1"/>
    <col min="7439" max="7439" width="3.21875" style="10" customWidth="1"/>
    <col min="7440" max="7440" width="5" style="10" bestFit="1" customWidth="1"/>
    <col min="7441" max="7442" width="0" style="10" hidden="1" customWidth="1"/>
    <col min="7443" max="7443" width="23.88671875" style="10" bestFit="1" customWidth="1"/>
    <col min="7444" max="7444" width="16.109375" style="10" bestFit="1" customWidth="1"/>
    <col min="7445" max="7445" width="8.6640625" style="10" customWidth="1"/>
    <col min="7446" max="7446" width="24.6640625" style="10" customWidth="1"/>
    <col min="7447" max="7447" width="65.109375" style="10" customWidth="1"/>
    <col min="7448" max="7621" width="8.6640625" style="10" customWidth="1"/>
    <col min="7622" max="7679" width="8.6640625" style="10"/>
    <col min="7680" max="7680" width="4.6640625" style="10" customWidth="1"/>
    <col min="7681" max="7683" width="1.21875" style="10" customWidth="1"/>
    <col min="7684" max="7684" width="25" style="10" customWidth="1"/>
    <col min="7685" max="7685" width="31.33203125" style="10" customWidth="1"/>
    <col min="7686" max="7686" width="15" style="10" bestFit="1" customWidth="1"/>
    <col min="7687" max="7689" width="11.88671875" style="10" customWidth="1"/>
    <col min="7690" max="7691" width="6.33203125" style="10" customWidth="1"/>
    <col min="7692" max="7692" width="3.88671875" style="10" customWidth="1"/>
    <col min="7693" max="7693" width="4" style="10" customWidth="1"/>
    <col min="7694" max="7694" width="3.88671875" style="10" customWidth="1"/>
    <col min="7695" max="7695" width="3.21875" style="10" customWidth="1"/>
    <col min="7696" max="7696" width="5" style="10" bestFit="1" customWidth="1"/>
    <col min="7697" max="7698" width="0" style="10" hidden="1" customWidth="1"/>
    <col min="7699" max="7699" width="23.88671875" style="10" bestFit="1" customWidth="1"/>
    <col min="7700" max="7700" width="16.109375" style="10" bestFit="1" customWidth="1"/>
    <col min="7701" max="7701" width="8.6640625" style="10" customWidth="1"/>
    <col min="7702" max="7702" width="24.6640625" style="10" customWidth="1"/>
    <col min="7703" max="7703" width="65.109375" style="10" customWidth="1"/>
    <col min="7704" max="7877" width="8.6640625" style="10" customWidth="1"/>
    <col min="7878" max="7935" width="8.6640625" style="10"/>
    <col min="7936" max="7936" width="4.6640625" style="10" customWidth="1"/>
    <col min="7937" max="7939" width="1.21875" style="10" customWidth="1"/>
    <col min="7940" max="7940" width="25" style="10" customWidth="1"/>
    <col min="7941" max="7941" width="31.33203125" style="10" customWidth="1"/>
    <col min="7942" max="7942" width="15" style="10" bestFit="1" customWidth="1"/>
    <col min="7943" max="7945" width="11.88671875" style="10" customWidth="1"/>
    <col min="7946" max="7947" width="6.33203125" style="10" customWidth="1"/>
    <col min="7948" max="7948" width="3.88671875" style="10" customWidth="1"/>
    <col min="7949" max="7949" width="4" style="10" customWidth="1"/>
    <col min="7950" max="7950" width="3.88671875" style="10" customWidth="1"/>
    <col min="7951" max="7951" width="3.21875" style="10" customWidth="1"/>
    <col min="7952" max="7952" width="5" style="10" bestFit="1" customWidth="1"/>
    <col min="7953" max="7954" width="0" style="10" hidden="1" customWidth="1"/>
    <col min="7955" max="7955" width="23.88671875" style="10" bestFit="1" customWidth="1"/>
    <col min="7956" max="7956" width="16.109375" style="10" bestFit="1" customWidth="1"/>
    <col min="7957" max="7957" width="8.6640625" style="10" customWidth="1"/>
    <col min="7958" max="7958" width="24.6640625" style="10" customWidth="1"/>
    <col min="7959" max="7959" width="65.109375" style="10" customWidth="1"/>
    <col min="7960" max="8133" width="8.6640625" style="10" customWidth="1"/>
    <col min="8134" max="8191" width="8.6640625" style="10"/>
    <col min="8192" max="8192" width="4.6640625" style="10" customWidth="1"/>
    <col min="8193" max="8195" width="1.21875" style="10" customWidth="1"/>
    <col min="8196" max="8196" width="25" style="10" customWidth="1"/>
    <col min="8197" max="8197" width="31.33203125" style="10" customWidth="1"/>
    <col min="8198" max="8198" width="15" style="10" bestFit="1" customWidth="1"/>
    <col min="8199" max="8201" width="11.88671875" style="10" customWidth="1"/>
    <col min="8202" max="8203" width="6.33203125" style="10" customWidth="1"/>
    <col min="8204" max="8204" width="3.88671875" style="10" customWidth="1"/>
    <col min="8205" max="8205" width="4" style="10" customWidth="1"/>
    <col min="8206" max="8206" width="3.88671875" style="10" customWidth="1"/>
    <col min="8207" max="8207" width="3.21875" style="10" customWidth="1"/>
    <col min="8208" max="8208" width="5" style="10" bestFit="1" customWidth="1"/>
    <col min="8209" max="8210" width="0" style="10" hidden="1" customWidth="1"/>
    <col min="8211" max="8211" width="23.88671875" style="10" bestFit="1" customWidth="1"/>
    <col min="8212" max="8212" width="16.109375" style="10" bestFit="1" customWidth="1"/>
    <col min="8213" max="8213" width="8.6640625" style="10" customWidth="1"/>
    <col min="8214" max="8214" width="24.6640625" style="10" customWidth="1"/>
    <col min="8215" max="8215" width="65.109375" style="10" customWidth="1"/>
    <col min="8216" max="8389" width="8.6640625" style="10" customWidth="1"/>
    <col min="8390" max="8447" width="8.6640625" style="10"/>
    <col min="8448" max="8448" width="4.6640625" style="10" customWidth="1"/>
    <col min="8449" max="8451" width="1.21875" style="10" customWidth="1"/>
    <col min="8452" max="8452" width="25" style="10" customWidth="1"/>
    <col min="8453" max="8453" width="31.33203125" style="10" customWidth="1"/>
    <col min="8454" max="8454" width="15" style="10" bestFit="1" customWidth="1"/>
    <col min="8455" max="8457" width="11.88671875" style="10" customWidth="1"/>
    <col min="8458" max="8459" width="6.33203125" style="10" customWidth="1"/>
    <col min="8460" max="8460" width="3.88671875" style="10" customWidth="1"/>
    <col min="8461" max="8461" width="4" style="10" customWidth="1"/>
    <col min="8462" max="8462" width="3.88671875" style="10" customWidth="1"/>
    <col min="8463" max="8463" width="3.21875" style="10" customWidth="1"/>
    <col min="8464" max="8464" width="5" style="10" bestFit="1" customWidth="1"/>
    <col min="8465" max="8466" width="0" style="10" hidden="1" customWidth="1"/>
    <col min="8467" max="8467" width="23.88671875" style="10" bestFit="1" customWidth="1"/>
    <col min="8468" max="8468" width="16.109375" style="10" bestFit="1" customWidth="1"/>
    <col min="8469" max="8469" width="8.6640625" style="10" customWidth="1"/>
    <col min="8470" max="8470" width="24.6640625" style="10" customWidth="1"/>
    <col min="8471" max="8471" width="65.109375" style="10" customWidth="1"/>
    <col min="8472" max="8645" width="8.6640625" style="10" customWidth="1"/>
    <col min="8646" max="8703" width="8.6640625" style="10"/>
    <col min="8704" max="8704" width="4.6640625" style="10" customWidth="1"/>
    <col min="8705" max="8707" width="1.21875" style="10" customWidth="1"/>
    <col min="8708" max="8708" width="25" style="10" customWidth="1"/>
    <col min="8709" max="8709" width="31.33203125" style="10" customWidth="1"/>
    <col min="8710" max="8710" width="15" style="10" bestFit="1" customWidth="1"/>
    <col min="8711" max="8713" width="11.88671875" style="10" customWidth="1"/>
    <col min="8714" max="8715" width="6.33203125" style="10" customWidth="1"/>
    <col min="8716" max="8716" width="3.88671875" style="10" customWidth="1"/>
    <col min="8717" max="8717" width="4" style="10" customWidth="1"/>
    <col min="8718" max="8718" width="3.88671875" style="10" customWidth="1"/>
    <col min="8719" max="8719" width="3.21875" style="10" customWidth="1"/>
    <col min="8720" max="8720" width="5" style="10" bestFit="1" customWidth="1"/>
    <col min="8721" max="8722" width="0" style="10" hidden="1" customWidth="1"/>
    <col min="8723" max="8723" width="23.88671875" style="10" bestFit="1" customWidth="1"/>
    <col min="8724" max="8724" width="16.109375" style="10" bestFit="1" customWidth="1"/>
    <col min="8725" max="8725" width="8.6640625" style="10" customWidth="1"/>
    <col min="8726" max="8726" width="24.6640625" style="10" customWidth="1"/>
    <col min="8727" max="8727" width="65.109375" style="10" customWidth="1"/>
    <col min="8728" max="8901" width="8.6640625" style="10" customWidth="1"/>
    <col min="8902" max="8959" width="8.6640625" style="10"/>
    <col min="8960" max="8960" width="4.6640625" style="10" customWidth="1"/>
    <col min="8961" max="8963" width="1.21875" style="10" customWidth="1"/>
    <col min="8964" max="8964" width="25" style="10" customWidth="1"/>
    <col min="8965" max="8965" width="31.33203125" style="10" customWidth="1"/>
    <col min="8966" max="8966" width="15" style="10" bestFit="1" customWidth="1"/>
    <col min="8967" max="8969" width="11.88671875" style="10" customWidth="1"/>
    <col min="8970" max="8971" width="6.33203125" style="10" customWidth="1"/>
    <col min="8972" max="8972" width="3.88671875" style="10" customWidth="1"/>
    <col min="8973" max="8973" width="4" style="10" customWidth="1"/>
    <col min="8974" max="8974" width="3.88671875" style="10" customWidth="1"/>
    <col min="8975" max="8975" width="3.21875" style="10" customWidth="1"/>
    <col min="8976" max="8976" width="5" style="10" bestFit="1" customWidth="1"/>
    <col min="8977" max="8978" width="0" style="10" hidden="1" customWidth="1"/>
    <col min="8979" max="8979" width="23.88671875" style="10" bestFit="1" customWidth="1"/>
    <col min="8980" max="8980" width="16.109375" style="10" bestFit="1" customWidth="1"/>
    <col min="8981" max="8981" width="8.6640625" style="10" customWidth="1"/>
    <col min="8982" max="8982" width="24.6640625" style="10" customWidth="1"/>
    <col min="8983" max="8983" width="65.109375" style="10" customWidth="1"/>
    <col min="8984" max="9157" width="8.6640625" style="10" customWidth="1"/>
    <col min="9158" max="9215" width="8.6640625" style="10"/>
    <col min="9216" max="9216" width="4.6640625" style="10" customWidth="1"/>
    <col min="9217" max="9219" width="1.21875" style="10" customWidth="1"/>
    <col min="9220" max="9220" width="25" style="10" customWidth="1"/>
    <col min="9221" max="9221" width="31.33203125" style="10" customWidth="1"/>
    <col min="9222" max="9222" width="15" style="10" bestFit="1" customWidth="1"/>
    <col min="9223" max="9225" width="11.88671875" style="10" customWidth="1"/>
    <col min="9226" max="9227" width="6.33203125" style="10" customWidth="1"/>
    <col min="9228" max="9228" width="3.88671875" style="10" customWidth="1"/>
    <col min="9229" max="9229" width="4" style="10" customWidth="1"/>
    <col min="9230" max="9230" width="3.88671875" style="10" customWidth="1"/>
    <col min="9231" max="9231" width="3.21875" style="10" customWidth="1"/>
    <col min="9232" max="9232" width="5" style="10" bestFit="1" customWidth="1"/>
    <col min="9233" max="9234" width="0" style="10" hidden="1" customWidth="1"/>
    <col min="9235" max="9235" width="23.88671875" style="10" bestFit="1" customWidth="1"/>
    <col min="9236" max="9236" width="16.109375" style="10" bestFit="1" customWidth="1"/>
    <col min="9237" max="9237" width="8.6640625" style="10" customWidth="1"/>
    <col min="9238" max="9238" width="24.6640625" style="10" customWidth="1"/>
    <col min="9239" max="9239" width="65.109375" style="10" customWidth="1"/>
    <col min="9240" max="9413" width="8.6640625" style="10" customWidth="1"/>
    <col min="9414" max="9471" width="8.6640625" style="10"/>
    <col min="9472" max="9472" width="4.6640625" style="10" customWidth="1"/>
    <col min="9473" max="9475" width="1.21875" style="10" customWidth="1"/>
    <col min="9476" max="9476" width="25" style="10" customWidth="1"/>
    <col min="9477" max="9477" width="31.33203125" style="10" customWidth="1"/>
    <col min="9478" max="9478" width="15" style="10" bestFit="1" customWidth="1"/>
    <col min="9479" max="9481" width="11.88671875" style="10" customWidth="1"/>
    <col min="9482" max="9483" width="6.33203125" style="10" customWidth="1"/>
    <col min="9484" max="9484" width="3.88671875" style="10" customWidth="1"/>
    <col min="9485" max="9485" width="4" style="10" customWidth="1"/>
    <col min="9486" max="9486" width="3.88671875" style="10" customWidth="1"/>
    <col min="9487" max="9487" width="3.21875" style="10" customWidth="1"/>
    <col min="9488" max="9488" width="5" style="10" bestFit="1" customWidth="1"/>
    <col min="9489" max="9490" width="0" style="10" hidden="1" customWidth="1"/>
    <col min="9491" max="9491" width="23.88671875" style="10" bestFit="1" customWidth="1"/>
    <col min="9492" max="9492" width="16.109375" style="10" bestFit="1" customWidth="1"/>
    <col min="9493" max="9493" width="8.6640625" style="10" customWidth="1"/>
    <col min="9494" max="9494" width="24.6640625" style="10" customWidth="1"/>
    <col min="9495" max="9495" width="65.109375" style="10" customWidth="1"/>
    <col min="9496" max="9669" width="8.6640625" style="10" customWidth="1"/>
    <col min="9670" max="9727" width="8.6640625" style="10"/>
    <col min="9728" max="9728" width="4.6640625" style="10" customWidth="1"/>
    <col min="9729" max="9731" width="1.21875" style="10" customWidth="1"/>
    <col min="9732" max="9732" width="25" style="10" customWidth="1"/>
    <col min="9733" max="9733" width="31.33203125" style="10" customWidth="1"/>
    <col min="9734" max="9734" width="15" style="10" bestFit="1" customWidth="1"/>
    <col min="9735" max="9737" width="11.88671875" style="10" customWidth="1"/>
    <col min="9738" max="9739" width="6.33203125" style="10" customWidth="1"/>
    <col min="9740" max="9740" width="3.88671875" style="10" customWidth="1"/>
    <col min="9741" max="9741" width="4" style="10" customWidth="1"/>
    <col min="9742" max="9742" width="3.88671875" style="10" customWidth="1"/>
    <col min="9743" max="9743" width="3.21875" style="10" customWidth="1"/>
    <col min="9744" max="9744" width="5" style="10" bestFit="1" customWidth="1"/>
    <col min="9745" max="9746" width="0" style="10" hidden="1" customWidth="1"/>
    <col min="9747" max="9747" width="23.88671875" style="10" bestFit="1" customWidth="1"/>
    <col min="9748" max="9748" width="16.109375" style="10" bestFit="1" customWidth="1"/>
    <col min="9749" max="9749" width="8.6640625" style="10" customWidth="1"/>
    <col min="9750" max="9750" width="24.6640625" style="10" customWidth="1"/>
    <col min="9751" max="9751" width="65.109375" style="10" customWidth="1"/>
    <col min="9752" max="9925" width="8.6640625" style="10" customWidth="1"/>
    <col min="9926" max="9983" width="8.6640625" style="10"/>
    <col min="9984" max="9984" width="4.6640625" style="10" customWidth="1"/>
    <col min="9985" max="9987" width="1.21875" style="10" customWidth="1"/>
    <col min="9988" max="9988" width="25" style="10" customWidth="1"/>
    <col min="9989" max="9989" width="31.33203125" style="10" customWidth="1"/>
    <col min="9990" max="9990" width="15" style="10" bestFit="1" customWidth="1"/>
    <col min="9991" max="9993" width="11.88671875" style="10" customWidth="1"/>
    <col min="9994" max="9995" width="6.33203125" style="10" customWidth="1"/>
    <col min="9996" max="9996" width="3.88671875" style="10" customWidth="1"/>
    <col min="9997" max="9997" width="4" style="10" customWidth="1"/>
    <col min="9998" max="9998" width="3.88671875" style="10" customWidth="1"/>
    <col min="9999" max="9999" width="3.21875" style="10" customWidth="1"/>
    <col min="10000" max="10000" width="5" style="10" bestFit="1" customWidth="1"/>
    <col min="10001" max="10002" width="0" style="10" hidden="1" customWidth="1"/>
    <col min="10003" max="10003" width="23.88671875" style="10" bestFit="1" customWidth="1"/>
    <col min="10004" max="10004" width="16.109375" style="10" bestFit="1" customWidth="1"/>
    <col min="10005" max="10005" width="8.6640625" style="10" customWidth="1"/>
    <col min="10006" max="10006" width="24.6640625" style="10" customWidth="1"/>
    <col min="10007" max="10007" width="65.109375" style="10" customWidth="1"/>
    <col min="10008" max="10181" width="8.6640625" style="10" customWidth="1"/>
    <col min="10182" max="10239" width="8.6640625" style="10"/>
    <col min="10240" max="10240" width="4.6640625" style="10" customWidth="1"/>
    <col min="10241" max="10243" width="1.21875" style="10" customWidth="1"/>
    <col min="10244" max="10244" width="25" style="10" customWidth="1"/>
    <col min="10245" max="10245" width="31.33203125" style="10" customWidth="1"/>
    <col min="10246" max="10246" width="15" style="10" bestFit="1" customWidth="1"/>
    <col min="10247" max="10249" width="11.88671875" style="10" customWidth="1"/>
    <col min="10250" max="10251" width="6.33203125" style="10" customWidth="1"/>
    <col min="10252" max="10252" width="3.88671875" style="10" customWidth="1"/>
    <col min="10253" max="10253" width="4" style="10" customWidth="1"/>
    <col min="10254" max="10254" width="3.88671875" style="10" customWidth="1"/>
    <col min="10255" max="10255" width="3.21875" style="10" customWidth="1"/>
    <col min="10256" max="10256" width="5" style="10" bestFit="1" customWidth="1"/>
    <col min="10257" max="10258" width="0" style="10" hidden="1" customWidth="1"/>
    <col min="10259" max="10259" width="23.88671875" style="10" bestFit="1" customWidth="1"/>
    <col min="10260" max="10260" width="16.109375" style="10" bestFit="1" customWidth="1"/>
    <col min="10261" max="10261" width="8.6640625" style="10" customWidth="1"/>
    <col min="10262" max="10262" width="24.6640625" style="10" customWidth="1"/>
    <col min="10263" max="10263" width="65.109375" style="10" customWidth="1"/>
    <col min="10264" max="10437" width="8.6640625" style="10" customWidth="1"/>
    <col min="10438" max="10495" width="8.6640625" style="10"/>
    <col min="10496" max="10496" width="4.6640625" style="10" customWidth="1"/>
    <col min="10497" max="10499" width="1.21875" style="10" customWidth="1"/>
    <col min="10500" max="10500" width="25" style="10" customWidth="1"/>
    <col min="10501" max="10501" width="31.33203125" style="10" customWidth="1"/>
    <col min="10502" max="10502" width="15" style="10" bestFit="1" customWidth="1"/>
    <col min="10503" max="10505" width="11.88671875" style="10" customWidth="1"/>
    <col min="10506" max="10507" width="6.33203125" style="10" customWidth="1"/>
    <col min="10508" max="10508" width="3.88671875" style="10" customWidth="1"/>
    <col min="10509" max="10509" width="4" style="10" customWidth="1"/>
    <col min="10510" max="10510" width="3.88671875" style="10" customWidth="1"/>
    <col min="10511" max="10511" width="3.21875" style="10" customWidth="1"/>
    <col min="10512" max="10512" width="5" style="10" bestFit="1" customWidth="1"/>
    <col min="10513" max="10514" width="0" style="10" hidden="1" customWidth="1"/>
    <col min="10515" max="10515" width="23.88671875" style="10" bestFit="1" customWidth="1"/>
    <col min="10516" max="10516" width="16.109375" style="10" bestFit="1" customWidth="1"/>
    <col min="10517" max="10517" width="8.6640625" style="10" customWidth="1"/>
    <col min="10518" max="10518" width="24.6640625" style="10" customWidth="1"/>
    <col min="10519" max="10519" width="65.109375" style="10" customWidth="1"/>
    <col min="10520" max="10693" width="8.6640625" style="10" customWidth="1"/>
    <col min="10694" max="10751" width="8.6640625" style="10"/>
    <col min="10752" max="10752" width="4.6640625" style="10" customWidth="1"/>
    <col min="10753" max="10755" width="1.21875" style="10" customWidth="1"/>
    <col min="10756" max="10756" width="25" style="10" customWidth="1"/>
    <col min="10757" max="10757" width="31.33203125" style="10" customWidth="1"/>
    <col min="10758" max="10758" width="15" style="10" bestFit="1" customWidth="1"/>
    <col min="10759" max="10761" width="11.88671875" style="10" customWidth="1"/>
    <col min="10762" max="10763" width="6.33203125" style="10" customWidth="1"/>
    <col min="10764" max="10764" width="3.88671875" style="10" customWidth="1"/>
    <col min="10765" max="10765" width="4" style="10" customWidth="1"/>
    <col min="10766" max="10766" width="3.88671875" style="10" customWidth="1"/>
    <col min="10767" max="10767" width="3.21875" style="10" customWidth="1"/>
    <col min="10768" max="10768" width="5" style="10" bestFit="1" customWidth="1"/>
    <col min="10769" max="10770" width="0" style="10" hidden="1" customWidth="1"/>
    <col min="10771" max="10771" width="23.88671875" style="10" bestFit="1" customWidth="1"/>
    <col min="10772" max="10772" width="16.109375" style="10" bestFit="1" customWidth="1"/>
    <col min="10773" max="10773" width="8.6640625" style="10" customWidth="1"/>
    <col min="10774" max="10774" width="24.6640625" style="10" customWidth="1"/>
    <col min="10775" max="10775" width="65.109375" style="10" customWidth="1"/>
    <col min="10776" max="10949" width="8.6640625" style="10" customWidth="1"/>
    <col min="10950" max="11007" width="8.6640625" style="10"/>
    <col min="11008" max="11008" width="4.6640625" style="10" customWidth="1"/>
    <col min="11009" max="11011" width="1.21875" style="10" customWidth="1"/>
    <col min="11012" max="11012" width="25" style="10" customWidth="1"/>
    <col min="11013" max="11013" width="31.33203125" style="10" customWidth="1"/>
    <col min="11014" max="11014" width="15" style="10" bestFit="1" customWidth="1"/>
    <col min="11015" max="11017" width="11.88671875" style="10" customWidth="1"/>
    <col min="11018" max="11019" width="6.33203125" style="10" customWidth="1"/>
    <col min="11020" max="11020" width="3.88671875" style="10" customWidth="1"/>
    <col min="11021" max="11021" width="4" style="10" customWidth="1"/>
    <col min="11022" max="11022" width="3.88671875" style="10" customWidth="1"/>
    <col min="11023" max="11023" width="3.21875" style="10" customWidth="1"/>
    <col min="11024" max="11024" width="5" style="10" bestFit="1" customWidth="1"/>
    <col min="11025" max="11026" width="0" style="10" hidden="1" customWidth="1"/>
    <col min="11027" max="11027" width="23.88671875" style="10" bestFit="1" customWidth="1"/>
    <col min="11028" max="11028" width="16.109375" style="10" bestFit="1" customWidth="1"/>
    <col min="11029" max="11029" width="8.6640625" style="10" customWidth="1"/>
    <col min="11030" max="11030" width="24.6640625" style="10" customWidth="1"/>
    <col min="11031" max="11031" width="65.109375" style="10" customWidth="1"/>
    <col min="11032" max="11205" width="8.6640625" style="10" customWidth="1"/>
    <col min="11206" max="11263" width="8.6640625" style="10"/>
    <col min="11264" max="11264" width="4.6640625" style="10" customWidth="1"/>
    <col min="11265" max="11267" width="1.21875" style="10" customWidth="1"/>
    <col min="11268" max="11268" width="25" style="10" customWidth="1"/>
    <col min="11269" max="11269" width="31.33203125" style="10" customWidth="1"/>
    <col min="11270" max="11270" width="15" style="10" bestFit="1" customWidth="1"/>
    <col min="11271" max="11273" width="11.88671875" style="10" customWidth="1"/>
    <col min="11274" max="11275" width="6.33203125" style="10" customWidth="1"/>
    <col min="11276" max="11276" width="3.88671875" style="10" customWidth="1"/>
    <col min="11277" max="11277" width="4" style="10" customWidth="1"/>
    <col min="11278" max="11278" width="3.88671875" style="10" customWidth="1"/>
    <col min="11279" max="11279" width="3.21875" style="10" customWidth="1"/>
    <col min="11280" max="11280" width="5" style="10" bestFit="1" customWidth="1"/>
    <col min="11281" max="11282" width="0" style="10" hidden="1" customWidth="1"/>
    <col min="11283" max="11283" width="23.88671875" style="10" bestFit="1" customWidth="1"/>
    <col min="11284" max="11284" width="16.109375" style="10" bestFit="1" customWidth="1"/>
    <col min="11285" max="11285" width="8.6640625" style="10" customWidth="1"/>
    <col min="11286" max="11286" width="24.6640625" style="10" customWidth="1"/>
    <col min="11287" max="11287" width="65.109375" style="10" customWidth="1"/>
    <col min="11288" max="11461" width="8.6640625" style="10" customWidth="1"/>
    <col min="11462" max="11519" width="8.6640625" style="10"/>
    <col min="11520" max="11520" width="4.6640625" style="10" customWidth="1"/>
    <col min="11521" max="11523" width="1.21875" style="10" customWidth="1"/>
    <col min="11524" max="11524" width="25" style="10" customWidth="1"/>
    <col min="11525" max="11525" width="31.33203125" style="10" customWidth="1"/>
    <col min="11526" max="11526" width="15" style="10" bestFit="1" customWidth="1"/>
    <col min="11527" max="11529" width="11.88671875" style="10" customWidth="1"/>
    <col min="11530" max="11531" width="6.33203125" style="10" customWidth="1"/>
    <col min="11532" max="11532" width="3.88671875" style="10" customWidth="1"/>
    <col min="11533" max="11533" width="4" style="10" customWidth="1"/>
    <col min="11534" max="11534" width="3.88671875" style="10" customWidth="1"/>
    <col min="11535" max="11535" width="3.21875" style="10" customWidth="1"/>
    <col min="11536" max="11536" width="5" style="10" bestFit="1" customWidth="1"/>
    <col min="11537" max="11538" width="0" style="10" hidden="1" customWidth="1"/>
    <col min="11539" max="11539" width="23.88671875" style="10" bestFit="1" customWidth="1"/>
    <col min="11540" max="11540" width="16.109375" style="10" bestFit="1" customWidth="1"/>
    <col min="11541" max="11541" width="8.6640625" style="10" customWidth="1"/>
    <col min="11542" max="11542" width="24.6640625" style="10" customWidth="1"/>
    <col min="11543" max="11543" width="65.109375" style="10" customWidth="1"/>
    <col min="11544" max="11717" width="8.6640625" style="10" customWidth="1"/>
    <col min="11718" max="11775" width="8.6640625" style="10"/>
    <col min="11776" max="11776" width="4.6640625" style="10" customWidth="1"/>
    <col min="11777" max="11779" width="1.21875" style="10" customWidth="1"/>
    <col min="11780" max="11780" width="25" style="10" customWidth="1"/>
    <col min="11781" max="11781" width="31.33203125" style="10" customWidth="1"/>
    <col min="11782" max="11782" width="15" style="10" bestFit="1" customWidth="1"/>
    <col min="11783" max="11785" width="11.88671875" style="10" customWidth="1"/>
    <col min="11786" max="11787" width="6.33203125" style="10" customWidth="1"/>
    <col min="11788" max="11788" width="3.88671875" style="10" customWidth="1"/>
    <col min="11789" max="11789" width="4" style="10" customWidth="1"/>
    <col min="11790" max="11790" width="3.88671875" style="10" customWidth="1"/>
    <col min="11791" max="11791" width="3.21875" style="10" customWidth="1"/>
    <col min="11792" max="11792" width="5" style="10" bestFit="1" customWidth="1"/>
    <col min="11793" max="11794" width="0" style="10" hidden="1" customWidth="1"/>
    <col min="11795" max="11795" width="23.88671875" style="10" bestFit="1" customWidth="1"/>
    <col min="11796" max="11796" width="16.109375" style="10" bestFit="1" customWidth="1"/>
    <col min="11797" max="11797" width="8.6640625" style="10" customWidth="1"/>
    <col min="11798" max="11798" width="24.6640625" style="10" customWidth="1"/>
    <col min="11799" max="11799" width="65.109375" style="10" customWidth="1"/>
    <col min="11800" max="11973" width="8.6640625" style="10" customWidth="1"/>
    <col min="11974" max="12031" width="8.6640625" style="10"/>
    <col min="12032" max="12032" width="4.6640625" style="10" customWidth="1"/>
    <col min="12033" max="12035" width="1.21875" style="10" customWidth="1"/>
    <col min="12036" max="12036" width="25" style="10" customWidth="1"/>
    <col min="12037" max="12037" width="31.33203125" style="10" customWidth="1"/>
    <col min="12038" max="12038" width="15" style="10" bestFit="1" customWidth="1"/>
    <col min="12039" max="12041" width="11.88671875" style="10" customWidth="1"/>
    <col min="12042" max="12043" width="6.33203125" style="10" customWidth="1"/>
    <col min="12044" max="12044" width="3.88671875" style="10" customWidth="1"/>
    <col min="12045" max="12045" width="4" style="10" customWidth="1"/>
    <col min="12046" max="12046" width="3.88671875" style="10" customWidth="1"/>
    <col min="12047" max="12047" width="3.21875" style="10" customWidth="1"/>
    <col min="12048" max="12048" width="5" style="10" bestFit="1" customWidth="1"/>
    <col min="12049" max="12050" width="0" style="10" hidden="1" customWidth="1"/>
    <col min="12051" max="12051" width="23.88671875" style="10" bestFit="1" customWidth="1"/>
    <col min="12052" max="12052" width="16.109375" style="10" bestFit="1" customWidth="1"/>
    <col min="12053" max="12053" width="8.6640625" style="10" customWidth="1"/>
    <col min="12054" max="12054" width="24.6640625" style="10" customWidth="1"/>
    <col min="12055" max="12055" width="65.109375" style="10" customWidth="1"/>
    <col min="12056" max="12229" width="8.6640625" style="10" customWidth="1"/>
    <col min="12230" max="12287" width="8.6640625" style="10"/>
    <col min="12288" max="12288" width="4.6640625" style="10" customWidth="1"/>
    <col min="12289" max="12291" width="1.21875" style="10" customWidth="1"/>
    <col min="12292" max="12292" width="25" style="10" customWidth="1"/>
    <col min="12293" max="12293" width="31.33203125" style="10" customWidth="1"/>
    <col min="12294" max="12294" width="15" style="10" bestFit="1" customWidth="1"/>
    <col min="12295" max="12297" width="11.88671875" style="10" customWidth="1"/>
    <col min="12298" max="12299" width="6.33203125" style="10" customWidth="1"/>
    <col min="12300" max="12300" width="3.88671875" style="10" customWidth="1"/>
    <col min="12301" max="12301" width="4" style="10" customWidth="1"/>
    <col min="12302" max="12302" width="3.88671875" style="10" customWidth="1"/>
    <col min="12303" max="12303" width="3.21875" style="10" customWidth="1"/>
    <col min="12304" max="12304" width="5" style="10" bestFit="1" customWidth="1"/>
    <col min="12305" max="12306" width="0" style="10" hidden="1" customWidth="1"/>
    <col min="12307" max="12307" width="23.88671875" style="10" bestFit="1" customWidth="1"/>
    <col min="12308" max="12308" width="16.109375" style="10" bestFit="1" customWidth="1"/>
    <col min="12309" max="12309" width="8.6640625" style="10" customWidth="1"/>
    <col min="12310" max="12310" width="24.6640625" style="10" customWidth="1"/>
    <col min="12311" max="12311" width="65.109375" style="10" customWidth="1"/>
    <col min="12312" max="12485" width="8.6640625" style="10" customWidth="1"/>
    <col min="12486" max="12543" width="8.6640625" style="10"/>
    <col min="12544" max="12544" width="4.6640625" style="10" customWidth="1"/>
    <col min="12545" max="12547" width="1.21875" style="10" customWidth="1"/>
    <col min="12548" max="12548" width="25" style="10" customWidth="1"/>
    <col min="12549" max="12549" width="31.33203125" style="10" customWidth="1"/>
    <col min="12550" max="12550" width="15" style="10" bestFit="1" customWidth="1"/>
    <col min="12551" max="12553" width="11.88671875" style="10" customWidth="1"/>
    <col min="12554" max="12555" width="6.33203125" style="10" customWidth="1"/>
    <col min="12556" max="12556" width="3.88671875" style="10" customWidth="1"/>
    <col min="12557" max="12557" width="4" style="10" customWidth="1"/>
    <col min="12558" max="12558" width="3.88671875" style="10" customWidth="1"/>
    <col min="12559" max="12559" width="3.21875" style="10" customWidth="1"/>
    <col min="12560" max="12560" width="5" style="10" bestFit="1" customWidth="1"/>
    <col min="12561" max="12562" width="0" style="10" hidden="1" customWidth="1"/>
    <col min="12563" max="12563" width="23.88671875" style="10" bestFit="1" customWidth="1"/>
    <col min="12564" max="12564" width="16.109375" style="10" bestFit="1" customWidth="1"/>
    <col min="12565" max="12565" width="8.6640625" style="10" customWidth="1"/>
    <col min="12566" max="12566" width="24.6640625" style="10" customWidth="1"/>
    <col min="12567" max="12567" width="65.109375" style="10" customWidth="1"/>
    <col min="12568" max="12741" width="8.6640625" style="10" customWidth="1"/>
    <col min="12742" max="12799" width="8.6640625" style="10"/>
    <col min="12800" max="12800" width="4.6640625" style="10" customWidth="1"/>
    <col min="12801" max="12803" width="1.21875" style="10" customWidth="1"/>
    <col min="12804" max="12804" width="25" style="10" customWidth="1"/>
    <col min="12805" max="12805" width="31.33203125" style="10" customWidth="1"/>
    <col min="12806" max="12806" width="15" style="10" bestFit="1" customWidth="1"/>
    <col min="12807" max="12809" width="11.88671875" style="10" customWidth="1"/>
    <col min="12810" max="12811" width="6.33203125" style="10" customWidth="1"/>
    <col min="12812" max="12812" width="3.88671875" style="10" customWidth="1"/>
    <col min="12813" max="12813" width="4" style="10" customWidth="1"/>
    <col min="12814" max="12814" width="3.88671875" style="10" customWidth="1"/>
    <col min="12815" max="12815" width="3.21875" style="10" customWidth="1"/>
    <col min="12816" max="12816" width="5" style="10" bestFit="1" customWidth="1"/>
    <col min="12817" max="12818" width="0" style="10" hidden="1" customWidth="1"/>
    <col min="12819" max="12819" width="23.88671875" style="10" bestFit="1" customWidth="1"/>
    <col min="12820" max="12820" width="16.109375" style="10" bestFit="1" customWidth="1"/>
    <col min="12821" max="12821" width="8.6640625" style="10" customWidth="1"/>
    <col min="12822" max="12822" width="24.6640625" style="10" customWidth="1"/>
    <col min="12823" max="12823" width="65.109375" style="10" customWidth="1"/>
    <col min="12824" max="12997" width="8.6640625" style="10" customWidth="1"/>
    <col min="12998" max="13055" width="8.6640625" style="10"/>
    <col min="13056" max="13056" width="4.6640625" style="10" customWidth="1"/>
    <col min="13057" max="13059" width="1.21875" style="10" customWidth="1"/>
    <col min="13060" max="13060" width="25" style="10" customWidth="1"/>
    <col min="13061" max="13061" width="31.33203125" style="10" customWidth="1"/>
    <col min="13062" max="13062" width="15" style="10" bestFit="1" customWidth="1"/>
    <col min="13063" max="13065" width="11.88671875" style="10" customWidth="1"/>
    <col min="13066" max="13067" width="6.33203125" style="10" customWidth="1"/>
    <col min="13068" max="13068" width="3.88671875" style="10" customWidth="1"/>
    <col min="13069" max="13069" width="4" style="10" customWidth="1"/>
    <col min="13070" max="13070" width="3.88671875" style="10" customWidth="1"/>
    <col min="13071" max="13071" width="3.21875" style="10" customWidth="1"/>
    <col min="13072" max="13072" width="5" style="10" bestFit="1" customWidth="1"/>
    <col min="13073" max="13074" width="0" style="10" hidden="1" customWidth="1"/>
    <col min="13075" max="13075" width="23.88671875" style="10" bestFit="1" customWidth="1"/>
    <col min="13076" max="13076" width="16.109375" style="10" bestFit="1" customWidth="1"/>
    <col min="13077" max="13077" width="8.6640625" style="10" customWidth="1"/>
    <col min="13078" max="13078" width="24.6640625" style="10" customWidth="1"/>
    <col min="13079" max="13079" width="65.109375" style="10" customWidth="1"/>
    <col min="13080" max="13253" width="8.6640625" style="10" customWidth="1"/>
    <col min="13254" max="13311" width="8.6640625" style="10"/>
    <col min="13312" max="13312" width="4.6640625" style="10" customWidth="1"/>
    <col min="13313" max="13315" width="1.21875" style="10" customWidth="1"/>
    <col min="13316" max="13316" width="25" style="10" customWidth="1"/>
    <col min="13317" max="13317" width="31.33203125" style="10" customWidth="1"/>
    <col min="13318" max="13318" width="15" style="10" bestFit="1" customWidth="1"/>
    <col min="13319" max="13321" width="11.88671875" style="10" customWidth="1"/>
    <col min="13322" max="13323" width="6.33203125" style="10" customWidth="1"/>
    <col min="13324" max="13324" width="3.88671875" style="10" customWidth="1"/>
    <col min="13325" max="13325" width="4" style="10" customWidth="1"/>
    <col min="13326" max="13326" width="3.88671875" style="10" customWidth="1"/>
    <col min="13327" max="13327" width="3.21875" style="10" customWidth="1"/>
    <col min="13328" max="13328" width="5" style="10" bestFit="1" customWidth="1"/>
    <col min="13329" max="13330" width="0" style="10" hidden="1" customWidth="1"/>
    <col min="13331" max="13331" width="23.88671875" style="10" bestFit="1" customWidth="1"/>
    <col min="13332" max="13332" width="16.109375" style="10" bestFit="1" customWidth="1"/>
    <col min="13333" max="13333" width="8.6640625" style="10" customWidth="1"/>
    <col min="13334" max="13334" width="24.6640625" style="10" customWidth="1"/>
    <col min="13335" max="13335" width="65.109375" style="10" customWidth="1"/>
    <col min="13336" max="13509" width="8.6640625" style="10" customWidth="1"/>
    <col min="13510" max="13567" width="8.6640625" style="10"/>
    <col min="13568" max="13568" width="4.6640625" style="10" customWidth="1"/>
    <col min="13569" max="13571" width="1.21875" style="10" customWidth="1"/>
    <col min="13572" max="13572" width="25" style="10" customWidth="1"/>
    <col min="13573" max="13573" width="31.33203125" style="10" customWidth="1"/>
    <col min="13574" max="13574" width="15" style="10" bestFit="1" customWidth="1"/>
    <col min="13575" max="13577" width="11.88671875" style="10" customWidth="1"/>
    <col min="13578" max="13579" width="6.33203125" style="10" customWidth="1"/>
    <col min="13580" max="13580" width="3.88671875" style="10" customWidth="1"/>
    <col min="13581" max="13581" width="4" style="10" customWidth="1"/>
    <col min="13582" max="13582" width="3.88671875" style="10" customWidth="1"/>
    <col min="13583" max="13583" width="3.21875" style="10" customWidth="1"/>
    <col min="13584" max="13584" width="5" style="10" bestFit="1" customWidth="1"/>
    <col min="13585" max="13586" width="0" style="10" hidden="1" customWidth="1"/>
    <col min="13587" max="13587" width="23.88671875" style="10" bestFit="1" customWidth="1"/>
    <col min="13588" max="13588" width="16.109375" style="10" bestFit="1" customWidth="1"/>
    <col min="13589" max="13589" width="8.6640625" style="10" customWidth="1"/>
    <col min="13590" max="13590" width="24.6640625" style="10" customWidth="1"/>
    <col min="13591" max="13591" width="65.109375" style="10" customWidth="1"/>
    <col min="13592" max="13765" width="8.6640625" style="10" customWidth="1"/>
    <col min="13766" max="13823" width="8.6640625" style="10"/>
    <col min="13824" max="13824" width="4.6640625" style="10" customWidth="1"/>
    <col min="13825" max="13827" width="1.21875" style="10" customWidth="1"/>
    <col min="13828" max="13828" width="25" style="10" customWidth="1"/>
    <col min="13829" max="13829" width="31.33203125" style="10" customWidth="1"/>
    <col min="13830" max="13830" width="15" style="10" bestFit="1" customWidth="1"/>
    <col min="13831" max="13833" width="11.88671875" style="10" customWidth="1"/>
    <col min="13834" max="13835" width="6.33203125" style="10" customWidth="1"/>
    <col min="13836" max="13836" width="3.88671875" style="10" customWidth="1"/>
    <col min="13837" max="13837" width="4" style="10" customWidth="1"/>
    <col min="13838" max="13838" width="3.88671875" style="10" customWidth="1"/>
    <col min="13839" max="13839" width="3.21875" style="10" customWidth="1"/>
    <col min="13840" max="13840" width="5" style="10" bestFit="1" customWidth="1"/>
    <col min="13841" max="13842" width="0" style="10" hidden="1" customWidth="1"/>
    <col min="13843" max="13843" width="23.88671875" style="10" bestFit="1" customWidth="1"/>
    <col min="13844" max="13844" width="16.109375" style="10" bestFit="1" customWidth="1"/>
    <col min="13845" max="13845" width="8.6640625" style="10" customWidth="1"/>
    <col min="13846" max="13846" width="24.6640625" style="10" customWidth="1"/>
    <col min="13847" max="13847" width="65.109375" style="10" customWidth="1"/>
    <col min="13848" max="14021" width="8.6640625" style="10" customWidth="1"/>
    <col min="14022" max="14079" width="8.6640625" style="10"/>
    <col min="14080" max="14080" width="4.6640625" style="10" customWidth="1"/>
    <col min="14081" max="14083" width="1.21875" style="10" customWidth="1"/>
    <col min="14084" max="14084" width="25" style="10" customWidth="1"/>
    <col min="14085" max="14085" width="31.33203125" style="10" customWidth="1"/>
    <col min="14086" max="14086" width="15" style="10" bestFit="1" customWidth="1"/>
    <col min="14087" max="14089" width="11.88671875" style="10" customWidth="1"/>
    <col min="14090" max="14091" width="6.33203125" style="10" customWidth="1"/>
    <col min="14092" max="14092" width="3.88671875" style="10" customWidth="1"/>
    <col min="14093" max="14093" width="4" style="10" customWidth="1"/>
    <col min="14094" max="14094" width="3.88671875" style="10" customWidth="1"/>
    <col min="14095" max="14095" width="3.21875" style="10" customWidth="1"/>
    <col min="14096" max="14096" width="5" style="10" bestFit="1" customWidth="1"/>
    <col min="14097" max="14098" width="0" style="10" hidden="1" customWidth="1"/>
    <col min="14099" max="14099" width="23.88671875" style="10" bestFit="1" customWidth="1"/>
    <col min="14100" max="14100" width="16.109375" style="10" bestFit="1" customWidth="1"/>
    <col min="14101" max="14101" width="8.6640625" style="10" customWidth="1"/>
    <col min="14102" max="14102" width="24.6640625" style="10" customWidth="1"/>
    <col min="14103" max="14103" width="65.109375" style="10" customWidth="1"/>
    <col min="14104" max="14277" width="8.6640625" style="10" customWidth="1"/>
    <col min="14278" max="14335" width="8.6640625" style="10"/>
    <col min="14336" max="14336" width="4.6640625" style="10" customWidth="1"/>
    <col min="14337" max="14339" width="1.21875" style="10" customWidth="1"/>
    <col min="14340" max="14340" width="25" style="10" customWidth="1"/>
    <col min="14341" max="14341" width="31.33203125" style="10" customWidth="1"/>
    <col min="14342" max="14342" width="15" style="10" bestFit="1" customWidth="1"/>
    <col min="14343" max="14345" width="11.88671875" style="10" customWidth="1"/>
    <col min="14346" max="14347" width="6.33203125" style="10" customWidth="1"/>
    <col min="14348" max="14348" width="3.88671875" style="10" customWidth="1"/>
    <col min="14349" max="14349" width="4" style="10" customWidth="1"/>
    <col min="14350" max="14350" width="3.88671875" style="10" customWidth="1"/>
    <col min="14351" max="14351" width="3.21875" style="10" customWidth="1"/>
    <col min="14352" max="14352" width="5" style="10" bestFit="1" customWidth="1"/>
    <col min="14353" max="14354" width="0" style="10" hidden="1" customWidth="1"/>
    <col min="14355" max="14355" width="23.88671875" style="10" bestFit="1" customWidth="1"/>
    <col min="14356" max="14356" width="16.109375" style="10" bestFit="1" customWidth="1"/>
    <col min="14357" max="14357" width="8.6640625" style="10" customWidth="1"/>
    <col min="14358" max="14358" width="24.6640625" style="10" customWidth="1"/>
    <col min="14359" max="14359" width="65.109375" style="10" customWidth="1"/>
    <col min="14360" max="14533" width="8.6640625" style="10" customWidth="1"/>
    <col min="14534" max="14591" width="8.6640625" style="10"/>
    <col min="14592" max="14592" width="4.6640625" style="10" customWidth="1"/>
    <col min="14593" max="14595" width="1.21875" style="10" customWidth="1"/>
    <col min="14596" max="14596" width="25" style="10" customWidth="1"/>
    <col min="14597" max="14597" width="31.33203125" style="10" customWidth="1"/>
    <col min="14598" max="14598" width="15" style="10" bestFit="1" customWidth="1"/>
    <col min="14599" max="14601" width="11.88671875" style="10" customWidth="1"/>
    <col min="14602" max="14603" width="6.33203125" style="10" customWidth="1"/>
    <col min="14604" max="14604" width="3.88671875" style="10" customWidth="1"/>
    <col min="14605" max="14605" width="4" style="10" customWidth="1"/>
    <col min="14606" max="14606" width="3.88671875" style="10" customWidth="1"/>
    <col min="14607" max="14607" width="3.21875" style="10" customWidth="1"/>
    <col min="14608" max="14608" width="5" style="10" bestFit="1" customWidth="1"/>
    <col min="14609" max="14610" width="0" style="10" hidden="1" customWidth="1"/>
    <col min="14611" max="14611" width="23.88671875" style="10" bestFit="1" customWidth="1"/>
    <col min="14612" max="14612" width="16.109375" style="10" bestFit="1" customWidth="1"/>
    <col min="14613" max="14613" width="8.6640625" style="10" customWidth="1"/>
    <col min="14614" max="14614" width="24.6640625" style="10" customWidth="1"/>
    <col min="14615" max="14615" width="65.109375" style="10" customWidth="1"/>
    <col min="14616" max="14789" width="8.6640625" style="10" customWidth="1"/>
    <col min="14790" max="14847" width="8.6640625" style="10"/>
    <col min="14848" max="14848" width="4.6640625" style="10" customWidth="1"/>
    <col min="14849" max="14851" width="1.21875" style="10" customWidth="1"/>
    <col min="14852" max="14852" width="25" style="10" customWidth="1"/>
    <col min="14853" max="14853" width="31.33203125" style="10" customWidth="1"/>
    <col min="14854" max="14854" width="15" style="10" bestFit="1" customWidth="1"/>
    <col min="14855" max="14857" width="11.88671875" style="10" customWidth="1"/>
    <col min="14858" max="14859" width="6.33203125" style="10" customWidth="1"/>
    <col min="14860" max="14860" width="3.88671875" style="10" customWidth="1"/>
    <col min="14861" max="14861" width="4" style="10" customWidth="1"/>
    <col min="14862" max="14862" width="3.88671875" style="10" customWidth="1"/>
    <col min="14863" max="14863" width="3.21875" style="10" customWidth="1"/>
    <col min="14864" max="14864" width="5" style="10" bestFit="1" customWidth="1"/>
    <col min="14865" max="14866" width="0" style="10" hidden="1" customWidth="1"/>
    <col min="14867" max="14867" width="23.88671875" style="10" bestFit="1" customWidth="1"/>
    <col min="14868" max="14868" width="16.109375" style="10" bestFit="1" customWidth="1"/>
    <col min="14869" max="14869" width="8.6640625" style="10" customWidth="1"/>
    <col min="14870" max="14870" width="24.6640625" style="10" customWidth="1"/>
    <col min="14871" max="14871" width="65.109375" style="10" customWidth="1"/>
    <col min="14872" max="15045" width="8.6640625" style="10" customWidth="1"/>
    <col min="15046" max="15103" width="8.6640625" style="10"/>
    <col min="15104" max="15104" width="4.6640625" style="10" customWidth="1"/>
    <col min="15105" max="15107" width="1.21875" style="10" customWidth="1"/>
    <col min="15108" max="15108" width="25" style="10" customWidth="1"/>
    <col min="15109" max="15109" width="31.33203125" style="10" customWidth="1"/>
    <col min="15110" max="15110" width="15" style="10" bestFit="1" customWidth="1"/>
    <col min="15111" max="15113" width="11.88671875" style="10" customWidth="1"/>
    <col min="15114" max="15115" width="6.33203125" style="10" customWidth="1"/>
    <col min="15116" max="15116" width="3.88671875" style="10" customWidth="1"/>
    <col min="15117" max="15117" width="4" style="10" customWidth="1"/>
    <col min="15118" max="15118" width="3.88671875" style="10" customWidth="1"/>
    <col min="15119" max="15119" width="3.21875" style="10" customWidth="1"/>
    <col min="15120" max="15120" width="5" style="10" bestFit="1" customWidth="1"/>
    <col min="15121" max="15122" width="0" style="10" hidden="1" customWidth="1"/>
    <col min="15123" max="15123" width="23.88671875" style="10" bestFit="1" customWidth="1"/>
    <col min="15124" max="15124" width="16.109375" style="10" bestFit="1" customWidth="1"/>
    <col min="15125" max="15125" width="8.6640625" style="10" customWidth="1"/>
    <col min="15126" max="15126" width="24.6640625" style="10" customWidth="1"/>
    <col min="15127" max="15127" width="65.109375" style="10" customWidth="1"/>
    <col min="15128" max="15301" width="8.6640625" style="10" customWidth="1"/>
    <col min="15302" max="15359" width="8.6640625" style="10"/>
    <col min="15360" max="15360" width="4.6640625" style="10" customWidth="1"/>
    <col min="15361" max="15363" width="1.21875" style="10" customWidth="1"/>
    <col min="15364" max="15364" width="25" style="10" customWidth="1"/>
    <col min="15365" max="15365" width="31.33203125" style="10" customWidth="1"/>
    <col min="15366" max="15366" width="15" style="10" bestFit="1" customWidth="1"/>
    <col min="15367" max="15369" width="11.88671875" style="10" customWidth="1"/>
    <col min="15370" max="15371" width="6.33203125" style="10" customWidth="1"/>
    <col min="15372" max="15372" width="3.88671875" style="10" customWidth="1"/>
    <col min="15373" max="15373" width="4" style="10" customWidth="1"/>
    <col min="15374" max="15374" width="3.88671875" style="10" customWidth="1"/>
    <col min="15375" max="15375" width="3.21875" style="10" customWidth="1"/>
    <col min="15376" max="15376" width="5" style="10" bestFit="1" customWidth="1"/>
    <col min="15377" max="15378" width="0" style="10" hidden="1" customWidth="1"/>
    <col min="15379" max="15379" width="23.88671875" style="10" bestFit="1" customWidth="1"/>
    <col min="15380" max="15380" width="16.109375" style="10" bestFit="1" customWidth="1"/>
    <col min="15381" max="15381" width="8.6640625" style="10" customWidth="1"/>
    <col min="15382" max="15382" width="24.6640625" style="10" customWidth="1"/>
    <col min="15383" max="15383" width="65.109375" style="10" customWidth="1"/>
    <col min="15384" max="15557" width="8.6640625" style="10" customWidth="1"/>
    <col min="15558" max="15615" width="8.6640625" style="10"/>
    <col min="15616" max="15616" width="4.6640625" style="10" customWidth="1"/>
    <col min="15617" max="15619" width="1.21875" style="10" customWidth="1"/>
    <col min="15620" max="15620" width="25" style="10" customWidth="1"/>
    <col min="15621" max="15621" width="31.33203125" style="10" customWidth="1"/>
    <col min="15622" max="15622" width="15" style="10" bestFit="1" customWidth="1"/>
    <col min="15623" max="15625" width="11.88671875" style="10" customWidth="1"/>
    <col min="15626" max="15627" width="6.33203125" style="10" customWidth="1"/>
    <col min="15628" max="15628" width="3.88671875" style="10" customWidth="1"/>
    <col min="15629" max="15629" width="4" style="10" customWidth="1"/>
    <col min="15630" max="15630" width="3.88671875" style="10" customWidth="1"/>
    <col min="15631" max="15631" width="3.21875" style="10" customWidth="1"/>
    <col min="15632" max="15632" width="5" style="10" bestFit="1" customWidth="1"/>
    <col min="15633" max="15634" width="0" style="10" hidden="1" customWidth="1"/>
    <col min="15635" max="15635" width="23.88671875" style="10" bestFit="1" customWidth="1"/>
    <col min="15636" max="15636" width="16.109375" style="10" bestFit="1" customWidth="1"/>
    <col min="15637" max="15637" width="8.6640625" style="10" customWidth="1"/>
    <col min="15638" max="15638" width="24.6640625" style="10" customWidth="1"/>
    <col min="15639" max="15639" width="65.109375" style="10" customWidth="1"/>
    <col min="15640" max="15813" width="8.6640625" style="10" customWidth="1"/>
    <col min="15814" max="15871" width="8.6640625" style="10"/>
    <col min="15872" max="15872" width="4.6640625" style="10" customWidth="1"/>
    <col min="15873" max="15875" width="1.21875" style="10" customWidth="1"/>
    <col min="15876" max="15876" width="25" style="10" customWidth="1"/>
    <col min="15877" max="15877" width="31.33203125" style="10" customWidth="1"/>
    <col min="15878" max="15878" width="15" style="10" bestFit="1" customWidth="1"/>
    <col min="15879" max="15881" width="11.88671875" style="10" customWidth="1"/>
    <col min="15882" max="15883" width="6.33203125" style="10" customWidth="1"/>
    <col min="15884" max="15884" width="3.88671875" style="10" customWidth="1"/>
    <col min="15885" max="15885" width="4" style="10" customWidth="1"/>
    <col min="15886" max="15886" width="3.88671875" style="10" customWidth="1"/>
    <col min="15887" max="15887" width="3.21875" style="10" customWidth="1"/>
    <col min="15888" max="15888" width="5" style="10" bestFit="1" customWidth="1"/>
    <col min="15889" max="15890" width="0" style="10" hidden="1" customWidth="1"/>
    <col min="15891" max="15891" width="23.88671875" style="10" bestFit="1" customWidth="1"/>
    <col min="15892" max="15892" width="16.109375" style="10" bestFit="1" customWidth="1"/>
    <col min="15893" max="15893" width="8.6640625" style="10" customWidth="1"/>
    <col min="15894" max="15894" width="24.6640625" style="10" customWidth="1"/>
    <col min="15895" max="15895" width="65.109375" style="10" customWidth="1"/>
    <col min="15896" max="16069" width="8.6640625" style="10" customWidth="1"/>
    <col min="16070" max="16127" width="8.6640625" style="10"/>
    <col min="16128" max="16128" width="4.6640625" style="10" customWidth="1"/>
    <col min="16129" max="16131" width="1.21875" style="10" customWidth="1"/>
    <col min="16132" max="16132" width="25" style="10" customWidth="1"/>
    <col min="16133" max="16133" width="31.33203125" style="10" customWidth="1"/>
    <col min="16134" max="16134" width="15" style="10" bestFit="1" customWidth="1"/>
    <col min="16135" max="16137" width="11.88671875" style="10" customWidth="1"/>
    <col min="16138" max="16139" width="6.33203125" style="10" customWidth="1"/>
    <col min="16140" max="16140" width="3.88671875" style="10" customWidth="1"/>
    <col min="16141" max="16141" width="4" style="10" customWidth="1"/>
    <col min="16142" max="16142" width="3.88671875" style="10" customWidth="1"/>
    <col min="16143" max="16143" width="3.21875" style="10" customWidth="1"/>
    <col min="16144" max="16144" width="5" style="10" bestFit="1" customWidth="1"/>
    <col min="16145" max="16146" width="0" style="10" hidden="1" customWidth="1"/>
    <col min="16147" max="16147" width="23.88671875" style="10" bestFit="1" customWidth="1"/>
    <col min="16148" max="16148" width="16.109375" style="10" bestFit="1" customWidth="1"/>
    <col min="16149" max="16149" width="8.6640625" style="10" customWidth="1"/>
    <col min="16150" max="16150" width="24.6640625" style="10" customWidth="1"/>
    <col min="16151" max="16151" width="65.109375" style="10" customWidth="1"/>
    <col min="16152" max="16325" width="8.6640625" style="10" customWidth="1"/>
    <col min="16326" max="16384" width="8.6640625" style="10"/>
  </cols>
  <sheetData>
    <row r="1" spans="1:30" ht="18" customHeight="1">
      <c r="A1" s="3" t="s">
        <v>12</v>
      </c>
      <c r="C1" s="5"/>
      <c r="D1" s="5"/>
      <c r="E1" s="5"/>
      <c r="F1" s="6"/>
      <c r="H1" s="8"/>
      <c r="I1" s="62"/>
      <c r="J1" s="62"/>
      <c r="K1" s="9"/>
    </row>
    <row r="2" spans="1:30" ht="15.75" customHeight="1">
      <c r="A2" s="10"/>
      <c r="C2" s="13"/>
      <c r="D2" s="13"/>
      <c r="E2" s="13"/>
      <c r="H2" s="15"/>
      <c r="I2" s="16"/>
      <c r="J2" s="17"/>
      <c r="K2" s="9"/>
    </row>
    <row r="3" spans="1:30" ht="18" customHeight="1">
      <c r="G3" s="19"/>
      <c r="H3" s="15"/>
      <c r="I3" s="16"/>
      <c r="J3" s="10"/>
      <c r="K3" s="20" t="s">
        <v>22</v>
      </c>
    </row>
    <row r="4" spans="1:30" ht="23.25" customHeight="1">
      <c r="G4" s="21"/>
      <c r="H4" s="22"/>
      <c r="I4" s="16"/>
      <c r="J4" s="10"/>
      <c r="K4" s="23" t="s">
        <v>0</v>
      </c>
      <c r="L4" s="24"/>
      <c r="M4" s="24"/>
      <c r="N4" s="24"/>
    </row>
    <row r="5" spans="1:30" ht="4.5" customHeight="1" thickBot="1">
      <c r="F5" s="25"/>
      <c r="G5" s="26"/>
      <c r="H5" s="27"/>
      <c r="I5" s="28"/>
      <c r="J5" s="29"/>
      <c r="K5" s="24"/>
      <c r="L5" s="24"/>
      <c r="M5" s="24"/>
      <c r="N5" s="24"/>
    </row>
    <row r="6" spans="1:30" ht="18.75" customHeight="1">
      <c r="A6" s="63" t="s">
        <v>3</v>
      </c>
      <c r="B6" s="65" t="s">
        <v>4</v>
      </c>
      <c r="C6" s="65"/>
      <c r="D6" s="65"/>
      <c r="E6" s="65"/>
      <c r="F6" s="67" t="s">
        <v>5</v>
      </c>
      <c r="G6" s="30" t="s">
        <v>26</v>
      </c>
      <c r="H6" s="30" t="s">
        <v>28</v>
      </c>
      <c r="I6" s="31" t="s">
        <v>6</v>
      </c>
      <c r="J6" s="69" t="s">
        <v>1</v>
      </c>
      <c r="K6" s="70"/>
    </row>
    <row r="7" spans="1:30" ht="18.75" customHeight="1">
      <c r="A7" s="64"/>
      <c r="B7" s="66"/>
      <c r="C7" s="66"/>
      <c r="D7" s="66"/>
      <c r="E7" s="66"/>
      <c r="F7" s="68"/>
      <c r="G7" s="32" t="s">
        <v>23</v>
      </c>
      <c r="H7" s="32" t="s">
        <v>24</v>
      </c>
      <c r="I7" s="33" t="s">
        <v>7</v>
      </c>
      <c r="J7" s="71"/>
      <c r="K7" s="72"/>
    </row>
    <row r="8" spans="1:30" ht="27" customHeight="1">
      <c r="A8" s="34">
        <v>1</v>
      </c>
      <c r="B8" s="59" t="s">
        <v>29</v>
      </c>
      <c r="C8" s="59"/>
      <c r="D8" s="59"/>
      <c r="E8" s="58"/>
      <c r="F8" s="1"/>
      <c r="G8" s="2">
        <v>323</v>
      </c>
      <c r="H8" s="2">
        <f>H9</f>
        <v>343</v>
      </c>
      <c r="I8" s="35">
        <f t="shared" ref="I8:I22" si="0">+H8-G8</f>
        <v>20</v>
      </c>
      <c r="J8" s="36"/>
      <c r="K8" s="37"/>
      <c r="AB8" s="38"/>
      <c r="AC8" s="38"/>
      <c r="AD8" s="38"/>
    </row>
    <row r="9" spans="1:30" ht="27" customHeight="1">
      <c r="A9" s="34">
        <v>2</v>
      </c>
      <c r="B9" s="39"/>
      <c r="C9" s="57" t="s">
        <v>8</v>
      </c>
      <c r="D9" s="59"/>
      <c r="E9" s="58"/>
      <c r="F9" s="1"/>
      <c r="G9" s="2">
        <v>323</v>
      </c>
      <c r="H9" s="2">
        <f t="shared" ref="H9:H10" si="1">H10</f>
        <v>343</v>
      </c>
      <c r="I9" s="35">
        <f t="shared" si="0"/>
        <v>20</v>
      </c>
      <c r="J9" s="36" t="s">
        <v>2</v>
      </c>
      <c r="K9" s="40"/>
      <c r="AB9" s="38"/>
      <c r="AC9" s="38"/>
      <c r="AD9" s="38"/>
    </row>
    <row r="10" spans="1:30" ht="27" customHeight="1">
      <c r="A10" s="34">
        <v>3</v>
      </c>
      <c r="B10" s="41"/>
      <c r="C10" s="42"/>
      <c r="D10" s="57" t="s">
        <v>9</v>
      </c>
      <c r="E10" s="58"/>
      <c r="F10" s="43"/>
      <c r="G10" s="2">
        <v>323</v>
      </c>
      <c r="H10" s="2">
        <f t="shared" si="1"/>
        <v>343</v>
      </c>
      <c r="I10" s="35">
        <f t="shared" si="0"/>
        <v>20</v>
      </c>
      <c r="J10" s="36" t="s">
        <v>2</v>
      </c>
      <c r="K10" s="40"/>
      <c r="T10" s="53"/>
      <c r="AB10" s="38"/>
      <c r="AC10" s="38"/>
      <c r="AD10" s="38"/>
    </row>
    <row r="11" spans="1:30" ht="25.8" customHeight="1">
      <c r="A11" s="34">
        <v>4</v>
      </c>
      <c r="B11" s="41"/>
      <c r="C11" s="41"/>
      <c r="D11" s="42"/>
      <c r="E11" s="44" t="s">
        <v>13</v>
      </c>
      <c r="F11" s="44" t="s">
        <v>21</v>
      </c>
      <c r="G11" s="2">
        <v>323</v>
      </c>
      <c r="H11" s="2">
        <v>343</v>
      </c>
      <c r="I11" s="35">
        <f t="shared" si="0"/>
        <v>20</v>
      </c>
      <c r="J11" s="45"/>
      <c r="K11" s="40"/>
      <c r="AB11" s="38"/>
      <c r="AC11" s="38"/>
      <c r="AD11" s="38"/>
    </row>
    <row r="12" spans="1:30" ht="25.8" customHeight="1">
      <c r="A12" s="34">
        <v>5</v>
      </c>
      <c r="B12" s="59" t="s">
        <v>30</v>
      </c>
      <c r="C12" s="59"/>
      <c r="D12" s="59"/>
      <c r="E12" s="58"/>
      <c r="F12" s="1"/>
      <c r="G12" s="2">
        <v>1765</v>
      </c>
      <c r="H12" s="2">
        <f t="shared" ref="H12:H14" si="2">H13</f>
        <v>7500</v>
      </c>
      <c r="I12" s="35">
        <f t="shared" si="0"/>
        <v>5735</v>
      </c>
      <c r="J12" s="36"/>
      <c r="K12" s="37"/>
      <c r="AB12" s="38"/>
      <c r="AC12" s="38"/>
      <c r="AD12" s="38"/>
    </row>
    <row r="13" spans="1:30" ht="27" customHeight="1">
      <c r="A13" s="34">
        <v>6</v>
      </c>
      <c r="B13" s="41"/>
      <c r="C13" s="57" t="s">
        <v>14</v>
      </c>
      <c r="D13" s="59"/>
      <c r="E13" s="58"/>
      <c r="F13" s="1"/>
      <c r="G13" s="2">
        <v>1765</v>
      </c>
      <c r="H13" s="2">
        <f t="shared" si="2"/>
        <v>7500</v>
      </c>
      <c r="I13" s="35">
        <f t="shared" si="0"/>
        <v>5735</v>
      </c>
      <c r="J13" s="36" t="s">
        <v>2</v>
      </c>
      <c r="K13" s="40"/>
      <c r="AB13" s="38"/>
      <c r="AC13" s="38"/>
      <c r="AD13" s="38"/>
    </row>
    <row r="14" spans="1:30" ht="27" customHeight="1">
      <c r="A14" s="34">
        <v>7</v>
      </c>
      <c r="B14" s="41"/>
      <c r="C14" s="42"/>
      <c r="D14" s="57" t="s">
        <v>15</v>
      </c>
      <c r="E14" s="58"/>
      <c r="F14" s="43"/>
      <c r="G14" s="2">
        <v>1765</v>
      </c>
      <c r="H14" s="2">
        <f t="shared" si="2"/>
        <v>7500</v>
      </c>
      <c r="I14" s="35">
        <f t="shared" si="0"/>
        <v>5735</v>
      </c>
      <c r="J14" s="36" t="s">
        <v>2</v>
      </c>
      <c r="K14" s="40"/>
      <c r="AB14" s="38"/>
      <c r="AC14" s="38"/>
      <c r="AD14" s="38"/>
    </row>
    <row r="15" spans="1:30" ht="31.8" customHeight="1">
      <c r="A15" s="34">
        <v>8</v>
      </c>
      <c r="B15" s="41"/>
      <c r="C15" s="41"/>
      <c r="D15" s="42"/>
      <c r="E15" s="44" t="s">
        <v>16</v>
      </c>
      <c r="F15" s="43" t="s">
        <v>34</v>
      </c>
      <c r="G15" s="2">
        <v>1765</v>
      </c>
      <c r="H15" s="2">
        <v>7500</v>
      </c>
      <c r="I15" s="35">
        <f t="shared" si="0"/>
        <v>5735</v>
      </c>
      <c r="J15" s="36" t="s">
        <v>2</v>
      </c>
      <c r="K15" s="40"/>
      <c r="AB15" s="38"/>
      <c r="AC15" s="38"/>
      <c r="AD15" s="38"/>
    </row>
    <row r="16" spans="1:30" ht="31.8" customHeight="1">
      <c r="A16" s="34">
        <v>9</v>
      </c>
      <c r="B16" s="59" t="s">
        <v>31</v>
      </c>
      <c r="C16" s="59"/>
      <c r="D16" s="59"/>
      <c r="E16" s="58"/>
      <c r="F16" s="1"/>
      <c r="G16" s="2">
        <v>186</v>
      </c>
      <c r="H16" s="2">
        <f>H17</f>
        <v>195</v>
      </c>
      <c r="I16" s="35">
        <f t="shared" si="0"/>
        <v>9</v>
      </c>
      <c r="J16" s="36"/>
      <c r="K16" s="37"/>
      <c r="AB16" s="38"/>
      <c r="AC16" s="38"/>
      <c r="AD16" s="38"/>
    </row>
    <row r="17" spans="1:30" ht="27" customHeight="1">
      <c r="A17" s="34">
        <v>10</v>
      </c>
      <c r="B17" s="41"/>
      <c r="C17" s="57" t="s">
        <v>10</v>
      </c>
      <c r="D17" s="59"/>
      <c r="E17" s="58"/>
      <c r="F17" s="1"/>
      <c r="G17" s="2">
        <v>186</v>
      </c>
      <c r="H17" s="2">
        <f>H18</f>
        <v>195</v>
      </c>
      <c r="I17" s="35">
        <f t="shared" si="0"/>
        <v>9</v>
      </c>
      <c r="J17" s="36" t="s">
        <v>2</v>
      </c>
      <c r="K17" s="40"/>
      <c r="AB17" s="38"/>
      <c r="AC17" s="38"/>
      <c r="AD17" s="38"/>
    </row>
    <row r="18" spans="1:30" ht="27" customHeight="1">
      <c r="A18" s="34">
        <v>11</v>
      </c>
      <c r="B18" s="41"/>
      <c r="C18" s="41"/>
      <c r="D18" s="57" t="s">
        <v>33</v>
      </c>
      <c r="E18" s="58"/>
      <c r="F18" s="43"/>
      <c r="G18" s="2">
        <v>186</v>
      </c>
      <c r="H18" s="2">
        <f>H19</f>
        <v>195</v>
      </c>
      <c r="I18" s="35">
        <f t="shared" si="0"/>
        <v>9</v>
      </c>
      <c r="J18" s="36" t="s">
        <v>2</v>
      </c>
      <c r="K18" s="40"/>
      <c r="AB18" s="38"/>
      <c r="AC18" s="38"/>
      <c r="AD18" s="38"/>
    </row>
    <row r="19" spans="1:30" ht="33" customHeight="1">
      <c r="A19" s="34">
        <v>12</v>
      </c>
      <c r="B19" s="41"/>
      <c r="C19" s="41"/>
      <c r="D19" s="42"/>
      <c r="E19" s="46" t="s">
        <v>11</v>
      </c>
      <c r="F19" s="43" t="s">
        <v>20</v>
      </c>
      <c r="G19" s="2">
        <v>186</v>
      </c>
      <c r="H19" s="2">
        <v>195</v>
      </c>
      <c r="I19" s="35">
        <f>+H19-G19</f>
        <v>9</v>
      </c>
      <c r="J19" s="36" t="s">
        <v>2</v>
      </c>
      <c r="K19" s="40"/>
      <c r="AB19" s="38"/>
      <c r="AC19" s="38"/>
      <c r="AD19" s="38"/>
    </row>
    <row r="20" spans="1:30" ht="33" customHeight="1">
      <c r="A20" s="34">
        <v>13</v>
      </c>
      <c r="B20" s="59" t="s">
        <v>32</v>
      </c>
      <c r="C20" s="59"/>
      <c r="D20" s="59"/>
      <c r="E20" s="58"/>
      <c r="F20" s="1"/>
      <c r="G20" s="2">
        <v>3193000</v>
      </c>
      <c r="H20" s="2">
        <f>H21</f>
        <v>53000</v>
      </c>
      <c r="I20" s="35">
        <f t="shared" si="0"/>
        <v>-3140000</v>
      </c>
      <c r="J20" s="36"/>
      <c r="K20" s="37"/>
      <c r="AB20" s="38"/>
      <c r="AC20" s="38"/>
      <c r="AD20" s="38"/>
    </row>
    <row r="21" spans="1:30" ht="27" customHeight="1">
      <c r="A21" s="34">
        <v>14</v>
      </c>
      <c r="B21" s="41"/>
      <c r="C21" s="57" t="s">
        <v>17</v>
      </c>
      <c r="D21" s="59"/>
      <c r="E21" s="58"/>
      <c r="F21" s="1"/>
      <c r="G21" s="2">
        <v>3193000</v>
      </c>
      <c r="H21" s="2">
        <f t="shared" ref="H21:H22" si="3">H22</f>
        <v>53000</v>
      </c>
      <c r="I21" s="35">
        <f t="shared" si="0"/>
        <v>-3140000</v>
      </c>
      <c r="J21" s="36" t="s">
        <v>2</v>
      </c>
      <c r="K21" s="40"/>
      <c r="AB21" s="38"/>
      <c r="AC21" s="38"/>
      <c r="AD21" s="38"/>
    </row>
    <row r="22" spans="1:30" ht="27" customHeight="1">
      <c r="A22" s="34">
        <v>15</v>
      </c>
      <c r="B22" s="41"/>
      <c r="C22" s="41"/>
      <c r="D22" s="57" t="s">
        <v>18</v>
      </c>
      <c r="E22" s="58"/>
      <c r="F22" s="43"/>
      <c r="G22" s="2">
        <v>3193000</v>
      </c>
      <c r="H22" s="2">
        <f t="shared" si="3"/>
        <v>53000</v>
      </c>
      <c r="I22" s="35">
        <f t="shared" si="0"/>
        <v>-3140000</v>
      </c>
      <c r="J22" s="36" t="s">
        <v>2</v>
      </c>
      <c r="K22" s="40"/>
      <c r="AB22" s="38"/>
      <c r="AC22" s="38"/>
      <c r="AD22" s="38"/>
    </row>
    <row r="23" spans="1:30" ht="27" customHeight="1">
      <c r="A23" s="34">
        <v>16</v>
      </c>
      <c r="B23" s="41"/>
      <c r="C23" s="41"/>
      <c r="D23" s="42"/>
      <c r="E23" s="46" t="s">
        <v>27</v>
      </c>
      <c r="F23" s="43" t="s">
        <v>19</v>
      </c>
      <c r="G23" s="2">
        <v>3193000</v>
      </c>
      <c r="H23" s="2">
        <v>53000</v>
      </c>
      <c r="I23" s="35">
        <f>+H23-G23</f>
        <v>-3140000</v>
      </c>
      <c r="J23" s="36" t="s">
        <v>2</v>
      </c>
      <c r="K23" s="40"/>
      <c r="AB23" s="38"/>
      <c r="AC23" s="38"/>
      <c r="AD23" s="38"/>
    </row>
    <row r="24" spans="1:30" ht="27" customHeight="1" thickBot="1">
      <c r="A24" s="60" t="s">
        <v>25</v>
      </c>
      <c r="B24" s="61"/>
      <c r="C24" s="61"/>
      <c r="D24" s="61"/>
      <c r="E24" s="61"/>
      <c r="F24" s="61"/>
      <c r="G24" s="47">
        <f>G8+G12+G16+G20</f>
        <v>3195274</v>
      </c>
      <c r="H24" s="47">
        <f>H8+H12+H16+H20</f>
        <v>61038</v>
      </c>
      <c r="I24" s="47">
        <f>I8+I12+I16+I20</f>
        <v>-3134236</v>
      </c>
      <c r="J24" s="48"/>
      <c r="K24" s="49"/>
      <c r="AB24" s="38"/>
      <c r="AC24" s="38"/>
      <c r="AD24" s="38"/>
    </row>
    <row r="25" spans="1:30" ht="21.75" customHeight="1">
      <c r="F25" s="50"/>
    </row>
    <row r="26" spans="1:30" ht="22.5" customHeight="1">
      <c r="C26" s="18"/>
    </row>
    <row r="27" spans="1:30" ht="22.5" customHeight="1">
      <c r="C27" s="18"/>
    </row>
    <row r="28" spans="1:30" ht="22.5" customHeight="1">
      <c r="C28" s="18"/>
    </row>
    <row r="29" spans="1:30" ht="22.5" customHeight="1">
      <c r="C29" s="18"/>
    </row>
    <row r="30" spans="1:30" ht="22.5" customHeight="1">
      <c r="C30" s="18"/>
    </row>
    <row r="31" spans="1:30" ht="22.5" customHeight="1"/>
    <row r="32" spans="1:30" ht="22.5" customHeight="1">
      <c r="E32" s="18"/>
    </row>
    <row r="33" spans="1:26" ht="22.5" customHeight="1">
      <c r="E33" s="18"/>
    </row>
    <row r="34" spans="1:26" s="7" customFormat="1" ht="22.5" customHeight="1">
      <c r="A34" s="18"/>
      <c r="B34" s="4"/>
      <c r="C34" s="4"/>
      <c r="D34" s="4"/>
      <c r="E34" s="18"/>
      <c r="F34" s="14"/>
      <c r="I34" s="15"/>
      <c r="J34" s="16"/>
      <c r="K34" s="17"/>
      <c r="L34" s="9"/>
      <c r="M34" s="9"/>
      <c r="N34" s="9"/>
      <c r="O34" s="9"/>
      <c r="P34" s="9"/>
      <c r="T34" s="51"/>
      <c r="Z34" s="52"/>
    </row>
    <row r="35" spans="1:26" s="7" customFormat="1" ht="22.5" customHeight="1">
      <c r="A35" s="18"/>
      <c r="B35" s="4"/>
      <c r="C35" s="4"/>
      <c r="D35" s="4"/>
      <c r="E35" s="18"/>
      <c r="F35" s="14"/>
      <c r="I35" s="15"/>
      <c r="J35" s="16"/>
      <c r="K35" s="17"/>
      <c r="L35" s="9"/>
      <c r="M35" s="9"/>
      <c r="N35" s="9"/>
      <c r="O35" s="9"/>
      <c r="P35" s="9"/>
      <c r="T35" s="51"/>
      <c r="Z35" s="52"/>
    </row>
    <row r="36" spans="1:26" s="7" customFormat="1" ht="22.5" customHeight="1">
      <c r="A36" s="18"/>
      <c r="B36" s="4"/>
      <c r="C36" s="4"/>
      <c r="D36" s="4"/>
      <c r="E36" s="18"/>
      <c r="F36" s="14"/>
      <c r="I36" s="15"/>
      <c r="J36" s="16"/>
      <c r="K36" s="17"/>
      <c r="L36" s="9"/>
      <c r="M36" s="9"/>
      <c r="N36" s="9"/>
      <c r="O36" s="9"/>
      <c r="P36" s="9"/>
      <c r="T36" s="51"/>
      <c r="Z36" s="52"/>
    </row>
    <row r="37" spans="1:26" s="7" customFormat="1" ht="22.5" customHeight="1">
      <c r="A37" s="18"/>
      <c r="B37" s="4"/>
      <c r="C37" s="4"/>
      <c r="D37" s="4"/>
      <c r="E37" s="18"/>
      <c r="F37" s="14"/>
      <c r="I37" s="15"/>
      <c r="J37" s="16"/>
      <c r="K37" s="17"/>
      <c r="L37" s="9"/>
      <c r="M37" s="9"/>
      <c r="N37" s="9"/>
      <c r="O37" s="9"/>
      <c r="P37" s="9"/>
      <c r="T37" s="51"/>
      <c r="Z37" s="52"/>
    </row>
    <row r="38" spans="1:26" s="7" customFormat="1" ht="22.5" customHeight="1">
      <c r="A38" s="18"/>
      <c r="B38" s="4"/>
      <c r="C38" s="4"/>
      <c r="D38" s="4"/>
      <c r="E38" s="18"/>
      <c r="F38" s="14"/>
      <c r="I38" s="15"/>
      <c r="J38" s="16"/>
      <c r="K38" s="17"/>
      <c r="L38" s="9"/>
      <c r="M38" s="9"/>
      <c r="N38" s="9"/>
      <c r="O38" s="9"/>
      <c r="P38" s="9"/>
      <c r="T38" s="51"/>
      <c r="Z38" s="52"/>
    </row>
    <row r="39" spans="1:26" s="7" customFormat="1" ht="15" customHeight="1">
      <c r="A39" s="18"/>
      <c r="B39" s="4"/>
      <c r="C39" s="4"/>
      <c r="D39" s="4"/>
      <c r="E39" s="18"/>
      <c r="F39" s="14"/>
      <c r="I39" s="15"/>
      <c r="J39" s="16"/>
      <c r="K39" s="17"/>
      <c r="L39" s="9"/>
      <c r="M39" s="9"/>
      <c r="N39" s="9"/>
      <c r="O39" s="9"/>
      <c r="P39" s="9"/>
      <c r="T39" s="51"/>
      <c r="Z39" s="52"/>
    </row>
    <row r="40" spans="1:26" s="7" customFormat="1" ht="22.5" customHeight="1">
      <c r="A40" s="18"/>
      <c r="B40" s="4"/>
      <c r="C40" s="4"/>
      <c r="D40" s="4"/>
      <c r="E40" s="18"/>
      <c r="F40" s="14"/>
      <c r="I40" s="15"/>
      <c r="J40" s="16"/>
      <c r="K40" s="17"/>
      <c r="L40" s="9"/>
      <c r="M40" s="9"/>
      <c r="N40" s="9"/>
      <c r="O40" s="9"/>
      <c r="P40" s="9"/>
      <c r="T40" s="51"/>
      <c r="Z40" s="52"/>
    </row>
    <row r="41" spans="1:26" s="7" customFormat="1" ht="22.5" customHeight="1">
      <c r="A41" s="18"/>
      <c r="B41" s="4"/>
      <c r="C41" s="4"/>
      <c r="D41" s="4"/>
      <c r="E41" s="18"/>
      <c r="F41" s="14"/>
      <c r="I41" s="15"/>
      <c r="J41" s="16"/>
      <c r="K41" s="17"/>
      <c r="L41" s="9"/>
      <c r="M41" s="9"/>
      <c r="N41" s="9"/>
      <c r="O41" s="9"/>
      <c r="P41" s="9"/>
      <c r="T41" s="51"/>
      <c r="Z41" s="52"/>
    </row>
    <row r="42" spans="1:26" s="7" customFormat="1" ht="22.5" customHeight="1">
      <c r="A42" s="18"/>
      <c r="B42" s="4"/>
      <c r="C42" s="4"/>
      <c r="D42" s="4"/>
      <c r="E42" s="4"/>
      <c r="F42" s="14"/>
      <c r="I42" s="15"/>
      <c r="J42" s="16"/>
      <c r="K42" s="17"/>
      <c r="L42" s="9"/>
      <c r="M42" s="9"/>
      <c r="N42" s="9"/>
      <c r="O42" s="9"/>
      <c r="P42" s="9"/>
      <c r="T42" s="51"/>
      <c r="Z42" s="52"/>
    </row>
    <row r="43" spans="1:26" s="7" customFormat="1" ht="22.5" customHeight="1">
      <c r="A43" s="18"/>
      <c r="B43" s="4"/>
      <c r="C43" s="4"/>
      <c r="D43" s="4"/>
      <c r="E43" s="4"/>
      <c r="F43" s="14"/>
      <c r="I43" s="15"/>
      <c r="J43" s="16"/>
      <c r="K43" s="17"/>
      <c r="L43" s="9"/>
      <c r="M43" s="9"/>
      <c r="N43" s="9"/>
      <c r="O43" s="9"/>
      <c r="P43" s="9"/>
      <c r="T43" s="51"/>
      <c r="Z43" s="52"/>
    </row>
    <row r="44" spans="1:26" s="7" customFormat="1" ht="22.5" customHeight="1">
      <c r="A44" s="18"/>
      <c r="B44" s="4"/>
      <c r="C44" s="4"/>
      <c r="D44" s="4"/>
      <c r="E44" s="4"/>
      <c r="F44" s="14"/>
      <c r="I44" s="15"/>
      <c r="J44" s="16"/>
      <c r="K44" s="17"/>
      <c r="L44" s="9"/>
      <c r="M44" s="9"/>
      <c r="N44" s="9"/>
      <c r="O44" s="9"/>
      <c r="P44" s="9"/>
      <c r="T44" s="51"/>
      <c r="Z44" s="52"/>
    </row>
    <row r="45" spans="1:26" s="7" customFormat="1" ht="22.5" customHeight="1">
      <c r="A45" s="18"/>
      <c r="B45" s="4"/>
      <c r="C45" s="4"/>
      <c r="D45" s="4"/>
      <c r="E45" s="4"/>
      <c r="F45" s="14"/>
      <c r="I45" s="15"/>
      <c r="J45" s="16"/>
      <c r="K45" s="17"/>
      <c r="L45" s="9"/>
      <c r="M45" s="9"/>
      <c r="N45" s="9"/>
      <c r="O45" s="9"/>
      <c r="P45" s="9"/>
      <c r="T45" s="51"/>
      <c r="Z45" s="52"/>
    </row>
    <row r="46" spans="1:26" s="7" customFormat="1" ht="11.25" customHeight="1">
      <c r="A46" s="18"/>
      <c r="B46" s="4"/>
      <c r="C46" s="4"/>
      <c r="D46" s="4"/>
      <c r="E46" s="4"/>
      <c r="F46" s="14"/>
      <c r="I46" s="15"/>
      <c r="J46" s="16"/>
      <c r="K46" s="17"/>
      <c r="L46" s="9"/>
      <c r="M46" s="9"/>
      <c r="N46" s="9"/>
      <c r="O46" s="9"/>
      <c r="P46" s="9"/>
      <c r="T46" s="51"/>
      <c r="Z46" s="52"/>
    </row>
    <row r="47" spans="1:26" s="7" customFormat="1" ht="22.5" customHeight="1">
      <c r="A47" s="18"/>
      <c r="B47" s="4"/>
      <c r="C47" s="18"/>
      <c r="D47" s="4"/>
      <c r="E47" s="4"/>
      <c r="F47" s="14"/>
      <c r="I47" s="15"/>
      <c r="J47" s="16"/>
      <c r="K47" s="17"/>
      <c r="L47" s="9"/>
      <c r="M47" s="9"/>
      <c r="N47" s="9"/>
      <c r="O47" s="9"/>
      <c r="P47" s="9"/>
      <c r="T47" s="51"/>
      <c r="Z47" s="52"/>
    </row>
    <row r="48" spans="1:26" s="7" customFormat="1" ht="22.5" customHeight="1">
      <c r="A48" s="18"/>
      <c r="B48" s="4"/>
      <c r="C48" s="18"/>
      <c r="D48" s="4"/>
      <c r="E48" s="4"/>
      <c r="F48" s="14"/>
      <c r="I48" s="15"/>
      <c r="J48" s="16"/>
      <c r="K48" s="17"/>
      <c r="L48" s="9"/>
      <c r="M48" s="9"/>
      <c r="N48" s="9"/>
      <c r="O48" s="9"/>
      <c r="P48" s="9"/>
      <c r="T48" s="51"/>
      <c r="Z48" s="52"/>
    </row>
    <row r="49" spans="1:26" s="7" customFormat="1" ht="22.5" customHeight="1">
      <c r="A49" s="18"/>
      <c r="B49" s="4"/>
      <c r="C49" s="4"/>
      <c r="D49" s="4"/>
      <c r="E49" s="4"/>
      <c r="F49" s="14"/>
      <c r="I49" s="15"/>
      <c r="J49" s="16"/>
      <c r="K49" s="17"/>
      <c r="L49" s="9"/>
      <c r="M49" s="9"/>
      <c r="N49" s="9"/>
      <c r="O49" s="9"/>
      <c r="P49" s="9"/>
      <c r="T49" s="51"/>
      <c r="Z49" s="52"/>
    </row>
    <row r="50" spans="1:26" s="7" customFormat="1" ht="22.5" customHeight="1">
      <c r="A50" s="18"/>
      <c r="B50" s="4"/>
      <c r="C50" s="4"/>
      <c r="D50" s="4"/>
      <c r="E50" s="4"/>
      <c r="F50" s="14"/>
      <c r="I50" s="15"/>
      <c r="J50" s="16"/>
      <c r="K50" s="17"/>
      <c r="L50" s="9"/>
      <c r="M50" s="9"/>
      <c r="N50" s="9"/>
      <c r="O50" s="9"/>
      <c r="P50" s="9"/>
      <c r="T50" s="51"/>
      <c r="V50" s="54"/>
      <c r="W50" s="54"/>
      <c r="Z50" s="52"/>
    </row>
    <row r="51" spans="1:26" s="7" customFormat="1">
      <c r="A51" s="18"/>
      <c r="B51" s="4"/>
      <c r="C51" s="4"/>
      <c r="D51" s="4"/>
      <c r="E51" s="4"/>
      <c r="F51" s="14"/>
      <c r="I51" s="15"/>
      <c r="J51" s="16"/>
      <c r="K51" s="17"/>
      <c r="L51" s="9"/>
      <c r="M51" s="9"/>
      <c r="N51" s="9"/>
      <c r="O51" s="9"/>
      <c r="P51" s="9"/>
      <c r="T51" s="51"/>
      <c r="V51" s="54"/>
      <c r="W51" s="54"/>
      <c r="Z51" s="52"/>
    </row>
    <row r="52" spans="1:26" s="7" customFormat="1" ht="29.25" customHeight="1">
      <c r="A52" s="18"/>
      <c r="B52" s="4"/>
      <c r="C52" s="4"/>
      <c r="D52" s="4"/>
      <c r="E52" s="4"/>
      <c r="F52" s="14"/>
      <c r="I52" s="15"/>
      <c r="J52" s="16"/>
      <c r="K52" s="17"/>
      <c r="L52" s="9"/>
      <c r="M52" s="9"/>
      <c r="N52" s="9"/>
      <c r="O52" s="9"/>
      <c r="P52" s="9"/>
      <c r="T52" s="51"/>
      <c r="V52" s="54"/>
      <c r="W52" s="55"/>
      <c r="Z52" s="52"/>
    </row>
    <row r="53" spans="1:26" s="7" customFormat="1" ht="29.25" customHeight="1">
      <c r="A53" s="18"/>
      <c r="B53" s="4"/>
      <c r="C53" s="4"/>
      <c r="D53" s="4"/>
      <c r="E53" s="4"/>
      <c r="F53" s="14"/>
      <c r="I53" s="15"/>
      <c r="J53" s="16"/>
      <c r="K53" s="17"/>
      <c r="L53" s="9"/>
      <c r="M53" s="9"/>
      <c r="N53" s="9"/>
      <c r="O53" s="9"/>
      <c r="P53" s="9"/>
      <c r="T53" s="51"/>
      <c r="V53" s="54"/>
      <c r="W53" s="55"/>
      <c r="Z53" s="52"/>
    </row>
    <row r="54" spans="1:26" s="7" customFormat="1" ht="29.25" customHeight="1">
      <c r="A54" s="18"/>
      <c r="B54" s="4"/>
      <c r="C54" s="4"/>
      <c r="D54" s="4"/>
      <c r="E54" s="4"/>
      <c r="F54" s="14"/>
      <c r="I54" s="15"/>
      <c r="J54" s="16"/>
      <c r="K54" s="17"/>
      <c r="L54" s="9"/>
      <c r="M54" s="9"/>
      <c r="N54" s="9"/>
      <c r="O54" s="9"/>
      <c r="P54" s="9"/>
      <c r="T54" s="51"/>
      <c r="V54" s="54"/>
      <c r="W54" s="55"/>
      <c r="Z54" s="52"/>
    </row>
    <row r="55" spans="1:26" s="7" customFormat="1" ht="22.5" customHeight="1">
      <c r="A55" s="18"/>
      <c r="B55" s="4"/>
      <c r="C55" s="4"/>
      <c r="D55" s="4"/>
      <c r="E55" s="4"/>
      <c r="F55" s="14"/>
      <c r="I55" s="15"/>
      <c r="J55" s="16"/>
      <c r="K55" s="17"/>
      <c r="L55" s="9"/>
      <c r="M55" s="9"/>
      <c r="N55" s="9"/>
      <c r="O55" s="9"/>
      <c r="P55" s="9"/>
      <c r="T55" s="51"/>
      <c r="V55" s="54"/>
      <c r="W55" s="54"/>
      <c r="Z55" s="52"/>
    </row>
    <row r="56" spans="1:26" s="7" customFormat="1">
      <c r="A56" s="18"/>
      <c r="B56" s="4"/>
      <c r="C56" s="4"/>
      <c r="D56" s="4"/>
      <c r="E56" s="4"/>
      <c r="F56" s="14"/>
      <c r="I56" s="15"/>
      <c r="J56" s="16"/>
      <c r="K56" s="17"/>
      <c r="L56" s="9"/>
      <c r="M56" s="9"/>
      <c r="N56" s="9"/>
      <c r="O56" s="9"/>
      <c r="P56" s="9"/>
      <c r="T56" s="51"/>
      <c r="V56" s="54"/>
      <c r="W56" s="54"/>
      <c r="Z56" s="52"/>
    </row>
    <row r="57" spans="1:26" s="7" customFormat="1" ht="29.25" customHeight="1">
      <c r="A57" s="18"/>
      <c r="B57" s="4"/>
      <c r="C57" s="4"/>
      <c r="D57" s="4"/>
      <c r="E57" s="4"/>
      <c r="F57" s="14"/>
      <c r="I57" s="15"/>
      <c r="J57" s="16"/>
      <c r="K57" s="17"/>
      <c r="L57" s="9"/>
      <c r="M57" s="9"/>
      <c r="N57" s="9"/>
      <c r="O57" s="9"/>
      <c r="P57" s="9"/>
      <c r="T57" s="51"/>
      <c r="V57" s="54"/>
      <c r="W57" s="55"/>
      <c r="Z57" s="52"/>
    </row>
    <row r="58" spans="1:26" s="7" customFormat="1" ht="19.5" customHeight="1">
      <c r="A58" s="18"/>
      <c r="B58" s="4"/>
      <c r="C58" s="4"/>
      <c r="D58" s="4"/>
      <c r="E58" s="4"/>
      <c r="F58" s="14"/>
      <c r="I58" s="15"/>
      <c r="J58" s="16"/>
      <c r="K58" s="17"/>
      <c r="L58" s="9"/>
      <c r="M58" s="9"/>
      <c r="N58" s="9"/>
      <c r="O58" s="9"/>
      <c r="P58" s="9"/>
      <c r="T58" s="51"/>
      <c r="V58" s="56"/>
      <c r="W58" s="55"/>
      <c r="Z58" s="52"/>
    </row>
    <row r="59" spans="1:26" s="7" customFormat="1" ht="19.5" customHeight="1">
      <c r="A59" s="18"/>
      <c r="B59" s="4"/>
      <c r="C59" s="4"/>
      <c r="D59" s="4"/>
      <c r="E59" s="4"/>
      <c r="F59" s="14"/>
      <c r="I59" s="15"/>
      <c r="J59" s="16"/>
      <c r="K59" s="17"/>
      <c r="L59" s="9"/>
      <c r="M59" s="9"/>
      <c r="N59" s="9"/>
      <c r="O59" s="9"/>
      <c r="P59" s="9"/>
      <c r="T59" s="51"/>
      <c r="V59" s="54"/>
      <c r="W59" s="55"/>
      <c r="Z59" s="52"/>
    </row>
    <row r="60" spans="1:26" s="7" customFormat="1" ht="19.5" customHeight="1">
      <c r="A60" s="18"/>
      <c r="B60" s="4"/>
      <c r="C60" s="4"/>
      <c r="D60" s="4"/>
      <c r="E60" s="4"/>
      <c r="F60" s="14"/>
      <c r="I60" s="15"/>
      <c r="J60" s="16"/>
      <c r="K60" s="17"/>
      <c r="L60" s="9"/>
      <c r="M60" s="9"/>
      <c r="N60" s="9"/>
      <c r="O60" s="9"/>
      <c r="P60" s="9"/>
      <c r="T60" s="51"/>
      <c r="V60" s="54"/>
      <c r="W60" s="55"/>
      <c r="Z60" s="52"/>
    </row>
    <row r="61" spans="1:26" s="7" customFormat="1" ht="18.75" customHeight="1">
      <c r="A61" s="18"/>
      <c r="B61" s="4"/>
      <c r="C61" s="4"/>
      <c r="D61" s="4"/>
      <c r="E61" s="4"/>
      <c r="F61" s="14"/>
      <c r="I61" s="15"/>
      <c r="J61" s="16"/>
      <c r="K61" s="17"/>
      <c r="L61" s="9"/>
      <c r="M61" s="9"/>
      <c r="N61" s="9"/>
      <c r="O61" s="9"/>
      <c r="P61" s="9"/>
      <c r="T61" s="51"/>
      <c r="Z61" s="52"/>
    </row>
    <row r="62" spans="1:26" s="7" customFormat="1" ht="18.75" customHeight="1">
      <c r="A62" s="18"/>
      <c r="B62" s="4"/>
      <c r="C62" s="4"/>
      <c r="D62" s="4"/>
      <c r="E62" s="4"/>
      <c r="F62" s="14"/>
      <c r="I62" s="15"/>
      <c r="J62" s="16"/>
      <c r="K62" s="17"/>
      <c r="L62" s="9"/>
      <c r="M62" s="9"/>
      <c r="N62" s="9"/>
      <c r="O62" s="9"/>
      <c r="P62" s="9"/>
      <c r="T62" s="51"/>
      <c r="Z62" s="52"/>
    </row>
    <row r="63" spans="1:26" ht="18" customHeight="1"/>
  </sheetData>
  <mergeCells count="18">
    <mergeCell ref="I1:J1"/>
    <mergeCell ref="A6:A7"/>
    <mergeCell ref="B6:E7"/>
    <mergeCell ref="F6:F7"/>
    <mergeCell ref="J6:K7"/>
    <mergeCell ref="B8:E8"/>
    <mergeCell ref="C9:E9"/>
    <mergeCell ref="D10:E10"/>
    <mergeCell ref="B12:E12"/>
    <mergeCell ref="C13:E13"/>
    <mergeCell ref="D14:E14"/>
    <mergeCell ref="B20:E20"/>
    <mergeCell ref="C21:E21"/>
    <mergeCell ref="D22:E22"/>
    <mergeCell ref="A24:F24"/>
    <mergeCell ref="B16:E16"/>
    <mergeCell ref="C17:E17"/>
    <mergeCell ref="D18:E18"/>
  </mergeCells>
  <phoneticPr fontId="6"/>
  <printOptions horizontalCentered="1"/>
  <pageMargins left="0.78740157480314965" right="0.59055118110236227" top="0.59055118110236227" bottom="0.59055118110236227" header="0" footer="0"/>
  <pageSetup paperSize="9" scale="75" orientation="portrait" useFirstPageNumber="1" r:id="rId1"/>
  <headerFooter scaleWithDoc="0">
    <oddFooter>&amp;C&amp;P</oddFooter>
  </headerFooter>
  <rowBreaks count="1" manualBreakCount="1">
    <brk id="48" max="16383" man="1"/>
  </rowBreaks>
  <colBreaks count="1" manualBreakCount="1">
    <brk id="11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5</vt:lpstr>
      <vt:lpstr>様式5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6-02-18T08:07:16Z</dcterms:created>
  <dcterms:modified xsi:type="dcterms:W3CDTF">2026-02-18T08:07:21Z</dcterms:modified>
</cp:coreProperties>
</file>